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72" r:id="rId9"/>
  </p:sldMasterIdLst>
  <p:notesMasterIdLst>
    <p:notesMasterId r:id="rId14"/>
  </p:notesMasterIdLst>
  <p:sldIdLst>
    <p:sldId id="279" r:id="rId10"/>
    <p:sldId id="320" r:id="rId11"/>
    <p:sldId id="340" r:id="rId12"/>
    <p:sldId id="278" r:id="rId1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E3F632"/>
    <a:srgbClr val="53585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96247" autoAdjust="0"/>
  </p:normalViewPr>
  <p:slideViewPr>
    <p:cSldViewPr snapToGrid="0">
      <p:cViewPr>
        <p:scale>
          <a:sx n="100" d="100"/>
          <a:sy n="100" d="100"/>
        </p:scale>
        <p:origin x="990" y="312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CA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EF953A-1655-4D48-9919-DAF131C5DD03}" type="datetimeFigureOut">
              <a:rPr lang="en-CA" smtClean="0"/>
              <a:t>2026-05-04</a:t>
            </a:fld>
            <a:endParaRPr lang="en-CA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CA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CA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9F42B08-7AF1-4DDB-859A-FBE1302CC9F6}" type="slidenum">
              <a:rPr lang="en-CA" smtClean="0"/>
              <a:t>‹#›</a:t>
            </a:fld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332644133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9F42B08-7AF1-4DDB-859A-FBE1302CC9F6}" type="slidenum">
              <a:rPr lang="en-CA" smtClean="0"/>
              <a:t>1</a:t>
            </a:fld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388087690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sv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sv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863462DB-F01B-AB32-5ED6-90BC0A107B1A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218113" y="0"/>
            <a:ext cx="6973887" cy="6858000"/>
          </a:xfrm>
          <a:solidFill>
            <a:srgbClr val="DEEAC2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CA"/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8D2C2AD0-0E1F-B25D-CF76-B2F2180ACB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2263" y="4108817"/>
            <a:ext cx="4598896" cy="1165095"/>
          </a:xfrm>
        </p:spPr>
        <p:txBody>
          <a:bodyPr anchor="ctr">
            <a:normAutofit/>
          </a:bodyPr>
          <a:lstStyle>
            <a:lvl1pPr>
              <a:defRPr sz="1800">
                <a:solidFill>
                  <a:srgbClr val="53585F"/>
                </a:solidFill>
                <a:latin typeface="+mn-lt"/>
              </a:defRPr>
            </a:lvl1pPr>
          </a:lstStyle>
          <a:p>
            <a:r>
              <a:rPr lang="en-US" dirty="0"/>
              <a:t>Click to edit Master title style</a:t>
            </a:r>
            <a:endParaRPr lang="en-CA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953C5DF8-557E-B771-B3B5-20E4521EB6C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22263" y="5549900"/>
            <a:ext cx="4598987" cy="289250"/>
          </a:xfrm>
        </p:spPr>
        <p:txBody>
          <a:bodyPr anchor="b">
            <a:normAutofit/>
          </a:bodyPr>
          <a:lstStyle>
            <a:lvl1pPr>
              <a:defRPr sz="1400"/>
            </a:lvl1pPr>
          </a:lstStyle>
          <a:p>
            <a:pPr lvl="0"/>
            <a:r>
              <a:rPr lang="en-CA" dirty="0"/>
              <a:t>Presenter</a:t>
            </a:r>
          </a:p>
        </p:txBody>
      </p:sp>
      <p:sp>
        <p:nvSpPr>
          <p:cNvPr id="29" name="Text Placeholder 28">
            <a:extLst>
              <a:ext uri="{FF2B5EF4-FFF2-40B4-BE49-F238E27FC236}">
                <a16:creationId xmlns:a16="http://schemas.microsoft.com/office/drawing/2014/main" id="{B95C2C09-3788-8665-B6D0-91656588FFF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22263" y="5838825"/>
            <a:ext cx="4598987" cy="276313"/>
          </a:xfrm>
        </p:spPr>
        <p:txBody>
          <a:bodyPr anchor="b">
            <a:normAutofit/>
          </a:bodyPr>
          <a:lstStyle>
            <a:lvl1pPr>
              <a:lnSpc>
                <a:spcPct val="100000"/>
              </a:lnSpc>
              <a:defRPr sz="1100"/>
            </a:lvl1pPr>
          </a:lstStyle>
          <a:p>
            <a:pPr lvl="0"/>
            <a:r>
              <a:rPr lang="en-CA"/>
              <a:t>Date</a:t>
            </a:r>
          </a:p>
        </p:txBody>
      </p:sp>
      <p:pic>
        <p:nvPicPr>
          <p:cNvPr id="10" name="Picture 9" descr="A green and white text on a black background&#10;&#10;Description automatically generated">
            <a:extLst>
              <a:ext uri="{FF2B5EF4-FFF2-40B4-BE49-F238E27FC236}">
                <a16:creationId xmlns:a16="http://schemas.microsoft.com/office/drawing/2014/main" id="{CB647738-B683-A8C3-1BF2-390DCAFA64A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5134" y="482821"/>
            <a:ext cx="2185416" cy="1469188"/>
          </a:xfrm>
          <a:prstGeom prst="rect">
            <a:avLst/>
          </a:prstGeom>
        </p:spPr>
      </p:pic>
      <p:pic>
        <p:nvPicPr>
          <p:cNvPr id="6" name="Graphic 5">
            <a:extLst>
              <a:ext uri="{FF2B5EF4-FFF2-40B4-BE49-F238E27FC236}">
                <a16:creationId xmlns:a16="http://schemas.microsoft.com/office/drawing/2014/main" id="{6BCD6A0D-2256-663F-57B3-7C106FBABF45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-13674" t="-501" r="32907" b="38292"/>
          <a:stretch/>
        </p:blipFill>
        <p:spPr>
          <a:xfrm flipH="1">
            <a:off x="5574" y="1965601"/>
            <a:ext cx="6126480" cy="48920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675360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 Three 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D5C4DB6-BAFD-EEBB-198A-71A65F13F72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44424" y="1682507"/>
            <a:ext cx="3657600" cy="822568"/>
          </a:xfrm>
        </p:spPr>
        <p:txBody>
          <a:bodyPr anchor="b">
            <a:noAutofit/>
          </a:bodyPr>
          <a:lstStyle>
            <a:lvl1pPr marL="0" indent="0">
              <a:buNone/>
              <a:defRPr sz="1800" b="1">
                <a:solidFill>
                  <a:srgbClr val="53565A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B3BD434-7344-870B-868C-3E993E8A8F1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4239207" y="1672707"/>
            <a:ext cx="3657600" cy="823912"/>
          </a:xfrm>
        </p:spPr>
        <p:txBody>
          <a:bodyPr anchor="b">
            <a:noAutofit/>
          </a:bodyPr>
          <a:lstStyle>
            <a:lvl1pPr marL="0" indent="0">
              <a:buNone/>
              <a:defRPr sz="1800" b="1">
                <a:solidFill>
                  <a:srgbClr val="53565A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Title 15">
            <a:extLst>
              <a:ext uri="{FF2B5EF4-FFF2-40B4-BE49-F238E27FC236}">
                <a16:creationId xmlns:a16="http://schemas.microsoft.com/office/drawing/2014/main" id="{37C6DD76-E650-B32A-7E7B-E2178641858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CA" dirty="0"/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A2317EBD-2C1D-A81C-1333-A4C2A4967183}"/>
              </a:ext>
            </a:extLst>
          </p:cNvPr>
          <p:cNvCxnSpPr/>
          <p:nvPr userDrawn="1"/>
        </p:nvCxnSpPr>
        <p:spPr>
          <a:xfrm>
            <a:off x="338328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" name="Picture 1" descr="Logo, company name&#10;&#10;Description automatically generated">
            <a:extLst>
              <a:ext uri="{FF2B5EF4-FFF2-40B4-BE49-F238E27FC236}">
                <a16:creationId xmlns:a16="http://schemas.microsoft.com/office/drawing/2014/main" id="{742833D7-0824-A788-2038-130D60ADAC5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84C2EAED-3092-B40A-9499-7E63A66D1AB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8" name="Slide Number Placeholder 5">
            <a:extLst>
              <a:ext uri="{FF2B5EF4-FFF2-40B4-BE49-F238E27FC236}">
                <a16:creationId xmlns:a16="http://schemas.microsoft.com/office/drawing/2014/main" id="{CE57AE26-4E2C-33E4-7240-9E1148E708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16A18E35-2E3C-37CD-2910-1BF81E97552C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EFA504F3-5E16-F55E-37E5-D29B7A5B488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50838" y="2578608"/>
            <a:ext cx="3657600" cy="37115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sp>
        <p:nvSpPr>
          <p:cNvPr id="13" name="Content Placeholder 10">
            <a:extLst>
              <a:ext uri="{FF2B5EF4-FFF2-40B4-BE49-F238E27FC236}">
                <a16:creationId xmlns:a16="http://schemas.microsoft.com/office/drawing/2014/main" id="{B1A108B7-375B-DA5B-DAAE-ACC411A294C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242816" y="2582852"/>
            <a:ext cx="3657600" cy="37115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  <a:p>
            <a:pPr lvl="4"/>
            <a:endParaRPr lang="en-CA" dirty="0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983B83C3-282B-ABF1-50CF-AAD44B65018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8153304" y="1681163"/>
            <a:ext cx="3657600" cy="823912"/>
          </a:xfrm>
        </p:spPr>
        <p:txBody>
          <a:bodyPr anchor="b">
            <a:noAutofit/>
          </a:bodyPr>
          <a:lstStyle>
            <a:lvl1pPr marL="0" indent="0">
              <a:buNone/>
              <a:defRPr sz="1800" b="1">
                <a:solidFill>
                  <a:srgbClr val="53565A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" name="Content Placeholder 10">
            <a:extLst>
              <a:ext uri="{FF2B5EF4-FFF2-40B4-BE49-F238E27FC236}">
                <a16:creationId xmlns:a16="http://schemas.microsoft.com/office/drawing/2014/main" id="{9A0CFBBE-FC7B-5CCF-3B3E-6312AE9371F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8156448" y="2591308"/>
            <a:ext cx="3657600" cy="37115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  <a:p>
            <a:pPr lvl="4"/>
            <a:endParaRPr lang="en-CA" dirty="0"/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F1089AAB-E4B5-C7B2-2A0E-5BB2556977D7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-13674" t="-503" r="29723" b="33219"/>
          <a:stretch/>
        </p:blipFill>
        <p:spPr>
          <a:xfrm>
            <a:off x="5802514" y="1563624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685075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omparison_one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37C6DD76-E650-B32A-7E7B-E2178641858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CA"/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A2317EBD-2C1D-A81C-1333-A4C2A4967183}"/>
              </a:ext>
            </a:extLst>
          </p:cNvPr>
          <p:cNvCxnSpPr/>
          <p:nvPr userDrawn="1"/>
        </p:nvCxnSpPr>
        <p:spPr>
          <a:xfrm>
            <a:off x="338328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" name="Picture 1" descr="Logo, company name&#10;&#10;Description automatically generated">
            <a:extLst>
              <a:ext uri="{FF2B5EF4-FFF2-40B4-BE49-F238E27FC236}">
                <a16:creationId xmlns:a16="http://schemas.microsoft.com/office/drawing/2014/main" id="{742833D7-0824-A788-2038-130D60ADAC5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84C2EAED-3092-B40A-9499-7E63A66D1AB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8" name="Slide Number Placeholder 5">
            <a:extLst>
              <a:ext uri="{FF2B5EF4-FFF2-40B4-BE49-F238E27FC236}">
                <a16:creationId xmlns:a16="http://schemas.microsoft.com/office/drawing/2014/main" id="{CE57AE26-4E2C-33E4-7240-9E1148E708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16A18E35-2E3C-37CD-2910-1BF81E97552C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3396EC7-7ADB-853A-E85A-DBC23534766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50838" y="2578608"/>
            <a:ext cx="5711825" cy="3711575"/>
          </a:xfrm>
        </p:spPr>
        <p:txBody>
          <a:bodyPr>
            <a:noAutofit/>
          </a:bodyPr>
          <a:lstStyle>
            <a:lvl2pPr marL="342900" indent="-342900">
              <a:buSzPct val="150000"/>
              <a:buFont typeface="Arial" panose="020B0604020202020204" pitchFamily="34" charset="0"/>
              <a:buChar char="•"/>
              <a:defRPr/>
            </a:lvl2pPr>
            <a:lvl3pPr marL="694944" indent="-342900">
              <a:buSzPct val="150000"/>
              <a:buFont typeface="Arial" panose="020B0604020202020204" pitchFamily="34" charset="0"/>
              <a:buChar char="•"/>
              <a:defRPr/>
            </a:lvl3pPr>
            <a:lvl4pPr marL="1042416" indent="-342900">
              <a:buSzPct val="150000"/>
              <a:buFont typeface="Arial" panose="020B0604020202020204" pitchFamily="34" charset="0"/>
              <a:buChar char="•"/>
              <a:defRPr/>
            </a:lvl4pPr>
            <a:lvl5pPr marL="1389888" indent="-342900">
              <a:buSzPct val="150000"/>
              <a:buFont typeface="Arial" panose="020B0604020202020204" pitchFamily="34" charset="0"/>
              <a:buChar char="•"/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sp>
        <p:nvSpPr>
          <p:cNvPr id="13" name="Content Placeholder 10">
            <a:extLst>
              <a:ext uri="{FF2B5EF4-FFF2-40B4-BE49-F238E27FC236}">
                <a16:creationId xmlns:a16="http://schemas.microsoft.com/office/drawing/2014/main" id="{9CAB7091-6DE0-2676-9C0F-9F4A19AB8C07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129338" y="2581275"/>
            <a:ext cx="5718238" cy="3711575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D5C4DB6-BAFD-EEBB-198A-71A65F13F72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44424" y="1681163"/>
            <a:ext cx="11497056" cy="823912"/>
          </a:xfrm>
        </p:spPr>
        <p:txBody>
          <a:bodyPr anchor="b" anchorCtr="0">
            <a:noAutofit/>
          </a:bodyPr>
          <a:lstStyle>
            <a:lvl1pPr marL="0" indent="0">
              <a:buNone/>
              <a:defRPr sz="1800" b="0">
                <a:solidFill>
                  <a:srgbClr val="53565A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B8DE24D-56DA-FC8D-31AF-E0DEFFED5001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-13674" t="-503" r="29723" b="33219"/>
          <a:stretch/>
        </p:blipFill>
        <p:spPr>
          <a:xfrm>
            <a:off x="5802514" y="1563624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993170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 w/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05550D-5F90-927F-DB05-942F2BA1FB9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CA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80A614-FA3A-5A11-3A55-AFB6DFDE8B0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44424" y="1825625"/>
            <a:ext cx="5486399" cy="4351338"/>
          </a:xfrm>
        </p:spPr>
        <p:txBody>
          <a:bodyPr/>
          <a:lstStyle>
            <a:lvl2pPr marL="342900" indent="-342900"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0ADF260-3ACC-C598-31E1-D2D014F1D2BB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372226" y="1825625"/>
            <a:ext cx="54864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pic>
        <p:nvPicPr>
          <p:cNvPr id="8" name="Picture 7" descr="Logo, company name&#10;&#10;Description automatically generated">
            <a:extLst>
              <a:ext uri="{FF2B5EF4-FFF2-40B4-BE49-F238E27FC236}">
                <a16:creationId xmlns:a16="http://schemas.microsoft.com/office/drawing/2014/main" id="{4291A70A-EF2F-0A7E-73F4-B4FFCE8DC1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E59506D-2B9B-0F58-6B7D-9F7A40E6EE39}"/>
              </a:ext>
            </a:extLst>
          </p:cNvPr>
          <p:cNvCxnSpPr/>
          <p:nvPr userDrawn="1"/>
        </p:nvCxnSpPr>
        <p:spPr>
          <a:xfrm>
            <a:off x="334345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2FE14459-0E8B-B4C4-A55E-BAB1B0D3F602}"/>
              </a:ext>
            </a:extLst>
          </p:cNvPr>
          <p:cNvCxnSpPr/>
          <p:nvPr userDrawn="1"/>
        </p:nvCxnSpPr>
        <p:spPr>
          <a:xfrm>
            <a:off x="6095808" y="1816290"/>
            <a:ext cx="0" cy="4352544"/>
          </a:xfrm>
          <a:prstGeom prst="line">
            <a:avLst/>
          </a:prstGeom>
          <a:ln w="28575">
            <a:solidFill>
              <a:srgbClr val="F0F0F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A1F19CCC-DC51-247D-6B1D-D34C631276F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C40AD7B8-B711-8408-D8B3-7524C703686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11" name="Date Placeholder 3">
            <a:extLst>
              <a:ext uri="{FF2B5EF4-FFF2-40B4-BE49-F238E27FC236}">
                <a16:creationId xmlns:a16="http://schemas.microsoft.com/office/drawing/2014/main" id="{D6D1946D-9BA5-1899-0E80-FD33875CC8B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5A94B88-F30C-644B-FD37-8BE9DFAEB2E8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-13674" t="-503" r="29723" b="33219"/>
          <a:stretch/>
        </p:blipFill>
        <p:spPr>
          <a:xfrm>
            <a:off x="5802514" y="1563624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5259266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/Sub title &amp;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05550D-5F90-927F-DB05-942F2BA1FB9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CA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80A614-FA3A-5A11-3A55-AFB6DFDE8B0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44424" y="2239347"/>
            <a:ext cx="5486400" cy="3937616"/>
          </a:xfrm>
        </p:spPr>
        <p:txBody>
          <a:bodyPr/>
          <a:lstStyle>
            <a:lvl1pPr>
              <a:defRPr sz="1600"/>
            </a:lvl1pPr>
            <a:lvl2pPr marL="342900" indent="-342900"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0ADF260-3ACC-C598-31E1-D2D014F1D2BB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362700" y="2239347"/>
            <a:ext cx="5486400" cy="3937616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pic>
        <p:nvPicPr>
          <p:cNvPr id="8" name="Picture 7" descr="Logo, company name&#10;&#10;Description automatically generated">
            <a:extLst>
              <a:ext uri="{FF2B5EF4-FFF2-40B4-BE49-F238E27FC236}">
                <a16:creationId xmlns:a16="http://schemas.microsoft.com/office/drawing/2014/main" id="{4291A70A-EF2F-0A7E-73F4-B4FFCE8DC1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E59506D-2B9B-0F58-6B7D-9F7A40E6EE39}"/>
              </a:ext>
            </a:extLst>
          </p:cNvPr>
          <p:cNvCxnSpPr/>
          <p:nvPr userDrawn="1"/>
        </p:nvCxnSpPr>
        <p:spPr>
          <a:xfrm>
            <a:off x="334345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2622B185-2948-2D56-E212-0DF38AAE6AAC}"/>
              </a:ext>
            </a:extLst>
          </p:cNvPr>
          <p:cNvCxnSpPr/>
          <p:nvPr userDrawn="1"/>
        </p:nvCxnSpPr>
        <p:spPr>
          <a:xfrm>
            <a:off x="6105139" y="2245504"/>
            <a:ext cx="0" cy="3931920"/>
          </a:xfrm>
          <a:prstGeom prst="line">
            <a:avLst/>
          </a:prstGeom>
          <a:ln w="28575">
            <a:solidFill>
              <a:srgbClr val="F0F0F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F6C7AF4A-1047-E06A-52C5-8AB2DB8CFF2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26899" y="1595438"/>
            <a:ext cx="11503152" cy="531941"/>
          </a:xfrm>
        </p:spPr>
        <p:txBody>
          <a:bodyPr anchor="b" anchorCtr="0">
            <a:noAutofit/>
          </a:bodyPr>
          <a:lstStyle>
            <a:lvl1pPr>
              <a:defRPr sz="1800"/>
            </a:lvl1pPr>
          </a:lstStyle>
          <a:p>
            <a:pPr lvl="0"/>
            <a:r>
              <a:rPr lang="en-US" dirty="0"/>
              <a:t>Click to edit Master text styles</a:t>
            </a:r>
            <a:endParaRPr lang="en-CA" dirty="0"/>
          </a:p>
        </p:txBody>
      </p:sp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1BB2898C-578E-1ABC-77C6-EB1DC2E4EFA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7F1ED1C7-72A4-FC61-DBFA-43D642107DA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F850B2E1-8DAA-9EC3-B1DE-3D8913B105D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F6AAFA5-9B62-BCFF-74ED-0939F90844AD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-13674" t="-503" r="29723" b="33219"/>
          <a:stretch/>
        </p:blipFill>
        <p:spPr>
          <a:xfrm>
            <a:off x="5802514" y="1563624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5953566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B05F95D-C832-D142-013C-1BE4FB966F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CA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4A54F9B-DB05-2C93-B8B9-10659B8806AE}"/>
              </a:ext>
            </a:extLst>
          </p:cNvPr>
          <p:cNvCxnSpPr/>
          <p:nvPr userDrawn="1"/>
        </p:nvCxnSpPr>
        <p:spPr>
          <a:xfrm>
            <a:off x="338328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Picture 12" descr="Logo, company name&#10;&#10;Description automatically generated">
            <a:extLst>
              <a:ext uri="{FF2B5EF4-FFF2-40B4-BE49-F238E27FC236}">
                <a16:creationId xmlns:a16="http://schemas.microsoft.com/office/drawing/2014/main" id="{3CE8ACE2-831A-9562-DC70-CB7B4E23243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9FEAB0A6-3743-3ACB-9086-A5AC1F55AE6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4" name="Slide Number Placeholder 5">
            <a:extLst>
              <a:ext uri="{FF2B5EF4-FFF2-40B4-BE49-F238E27FC236}">
                <a16:creationId xmlns:a16="http://schemas.microsoft.com/office/drawing/2014/main" id="{F1B2BCF9-7449-0472-9B37-53EA1F352A9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5" name="Date Placeholder 3">
            <a:extLst>
              <a:ext uri="{FF2B5EF4-FFF2-40B4-BE49-F238E27FC236}">
                <a16:creationId xmlns:a16="http://schemas.microsoft.com/office/drawing/2014/main" id="{EE6DB4AD-C3AF-283B-4DCE-E8772FD99D8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321088719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cknowledg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B05F95D-C832-D142-013C-1BE4FB966F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CA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4A54F9B-DB05-2C93-B8B9-10659B8806AE}"/>
              </a:ext>
            </a:extLst>
          </p:cNvPr>
          <p:cNvCxnSpPr/>
          <p:nvPr userDrawn="1"/>
        </p:nvCxnSpPr>
        <p:spPr>
          <a:xfrm>
            <a:off x="338328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Picture 12" descr="Logo, company name&#10;&#10;Description automatically generated">
            <a:extLst>
              <a:ext uri="{FF2B5EF4-FFF2-40B4-BE49-F238E27FC236}">
                <a16:creationId xmlns:a16="http://schemas.microsoft.com/office/drawing/2014/main" id="{3CE8ACE2-831A-9562-DC70-CB7B4E23243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9FEAB0A6-3743-3ACB-9086-A5AC1F55AE6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4" name="Slide Number Placeholder 5">
            <a:extLst>
              <a:ext uri="{FF2B5EF4-FFF2-40B4-BE49-F238E27FC236}">
                <a16:creationId xmlns:a16="http://schemas.microsoft.com/office/drawing/2014/main" id="{F1B2BCF9-7449-0472-9B37-53EA1F352A9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5" name="Date Placeholder 3">
            <a:extLst>
              <a:ext uri="{FF2B5EF4-FFF2-40B4-BE49-F238E27FC236}">
                <a16:creationId xmlns:a16="http://schemas.microsoft.com/office/drawing/2014/main" id="{EE6DB4AD-C3AF-283B-4DCE-E8772FD99D8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E9EDB28-D6D3-8596-2DA9-296532A3CA7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38138" y="1604963"/>
            <a:ext cx="11491912" cy="14176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918D4D1-D577-86F8-C4D0-779BC80D6E87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38010" y="3168650"/>
            <a:ext cx="11511867" cy="30448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148127775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30124CA8-0EBA-F2D9-BBC8-3952DA965F8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3" name="Slide Number Placeholder 5">
            <a:extLst>
              <a:ext uri="{FF2B5EF4-FFF2-40B4-BE49-F238E27FC236}">
                <a16:creationId xmlns:a16="http://schemas.microsoft.com/office/drawing/2014/main" id="{2ACF03AF-F4F2-EE3D-B295-33456A2933C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B94C2F6-EE48-43B3-97D5-572BC4FDAF2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407775271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33D2C4B6-41A1-FD58-DC65-02F1EB4AA8BB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344424" y="311543"/>
            <a:ext cx="3657600" cy="2194560"/>
          </a:xfrm>
          <a:solidFill>
            <a:srgbClr val="DEEAC2"/>
          </a:solidFill>
        </p:spPr>
        <p:txBody>
          <a:bodyPr/>
          <a:lstStyle/>
          <a:p>
            <a:endParaRPr lang="en-CA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1858D3FD-E985-E290-794A-64C6304E3544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4267200" y="299651"/>
            <a:ext cx="3657600" cy="2194560"/>
          </a:xfrm>
          <a:solidFill>
            <a:srgbClr val="DEEAC2"/>
          </a:solidFill>
        </p:spPr>
        <p:txBody>
          <a:bodyPr/>
          <a:lstStyle/>
          <a:p>
            <a:endParaRPr lang="en-CA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F4EB6745-6176-0A2F-6B69-4BFFBC93C9FB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8189976" y="299651"/>
            <a:ext cx="3657600" cy="2194560"/>
          </a:xfrm>
          <a:solidFill>
            <a:srgbClr val="DEEAC2"/>
          </a:solidFill>
        </p:spPr>
        <p:txBody>
          <a:bodyPr/>
          <a:lstStyle/>
          <a:p>
            <a:endParaRPr lang="en-CA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7D2C1CF-B878-F209-6529-6A55DCC1ABA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344424" y="3942434"/>
            <a:ext cx="3657600" cy="2194560"/>
          </a:xfrm>
          <a:solidFill>
            <a:srgbClr val="DEEAC2"/>
          </a:solidFill>
        </p:spPr>
        <p:txBody>
          <a:bodyPr/>
          <a:lstStyle/>
          <a:p>
            <a:endParaRPr lang="en-CA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D2B43E34-14FA-BF36-81F7-8CDD90035191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267200" y="3942434"/>
            <a:ext cx="3657600" cy="2194560"/>
          </a:xfrm>
          <a:solidFill>
            <a:srgbClr val="DEEAC2"/>
          </a:solidFill>
        </p:spPr>
        <p:txBody>
          <a:bodyPr/>
          <a:lstStyle/>
          <a:p>
            <a:endParaRPr lang="en-CA"/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89EB8202-5746-DC6B-5562-1E0B61F34CE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89976" y="3942434"/>
            <a:ext cx="3657600" cy="2194560"/>
          </a:xfrm>
          <a:solidFill>
            <a:srgbClr val="DEEAC2"/>
          </a:solidFill>
        </p:spPr>
        <p:txBody>
          <a:bodyPr/>
          <a:lstStyle/>
          <a:p>
            <a:endParaRPr lang="en-CA"/>
          </a:p>
        </p:txBody>
      </p:sp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30124CA8-0EBA-F2D9-BBC8-3952DA965F8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3" name="Slide Number Placeholder 5">
            <a:extLst>
              <a:ext uri="{FF2B5EF4-FFF2-40B4-BE49-F238E27FC236}">
                <a16:creationId xmlns:a16="http://schemas.microsoft.com/office/drawing/2014/main" id="{2ACF03AF-F4F2-EE3D-B295-33456A2933C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B94C2F6-EE48-43B3-97D5-572BC4FDAF2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EA8FA31-E50E-40F8-9A42-130C42727B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36623" y="2405804"/>
            <a:ext cx="5118754" cy="163693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edit Master title style</a:t>
            </a:r>
            <a:endParaRPr lang="en-CA" dirty="0"/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38604021-AA58-6C00-DEE8-FC0DA1D0E535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l="-13674" t="-503" r="29723" b="33219"/>
          <a:stretch/>
        </p:blipFill>
        <p:spPr>
          <a:xfrm>
            <a:off x="5802514" y="1563624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411342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25577B-C47D-657F-C1D4-C372746550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4424" y="457200"/>
            <a:ext cx="4427601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CA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373C0AA-17C4-F944-4700-F473097BE6A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344424" y="2057400"/>
            <a:ext cx="4427601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D2E17D51-E77B-0EF5-7C96-6AC23FEEC07B}"/>
              </a:ext>
            </a:extLst>
          </p:cNvPr>
          <p:cNvCxnSpPr/>
          <p:nvPr userDrawn="1"/>
        </p:nvCxnSpPr>
        <p:spPr>
          <a:xfrm>
            <a:off x="338328" y="2057400"/>
            <a:ext cx="4425696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Picture 15" descr="Logo, company name&#10;&#10;Description automatically generated">
            <a:extLst>
              <a:ext uri="{FF2B5EF4-FFF2-40B4-BE49-F238E27FC236}">
                <a16:creationId xmlns:a16="http://schemas.microsoft.com/office/drawing/2014/main" id="{69AB0B78-D27B-A257-5F22-E486C396B8E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6CFA1438-6422-B68D-F5FD-973CFDB9BB6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12008FAE-1B33-96C9-F7BC-08D04BF5DE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51DDE13D-0F6D-D688-A738-2D6B1BBD7B8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E3979AEE-88FE-1E87-30AF-B78EAD40526B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5143500" y="1549400"/>
            <a:ext cx="6704013" cy="433546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D3DAD047-D7B7-53BD-D9A6-1964E98CAE77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-13674" t="-503" r="29723" b="33219"/>
          <a:stretch/>
        </p:blipFill>
        <p:spPr>
          <a:xfrm>
            <a:off x="5802514" y="1563624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584910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63BECB9-790F-53EE-22A0-13F3B90C49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4424" y="457200"/>
            <a:ext cx="4427601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CA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E1188D7B-9C9C-10C0-9828-7ECACFD7989F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1563624"/>
            <a:ext cx="6664388" cy="4297680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/>
              <a:t>Click icon to add picture</a:t>
            </a:r>
            <a:endParaRPr lang="en-CA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AE6B66F-C6A2-D7A3-A25F-EB2676F2D2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344424" y="2057400"/>
            <a:ext cx="4427601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9A16C5EE-75D0-D449-83DD-010460EE79B3}"/>
              </a:ext>
            </a:extLst>
          </p:cNvPr>
          <p:cNvCxnSpPr/>
          <p:nvPr userDrawn="1"/>
        </p:nvCxnSpPr>
        <p:spPr>
          <a:xfrm>
            <a:off x="344488" y="2057400"/>
            <a:ext cx="4425696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" name="Picture 14" descr="Logo, company name&#10;&#10;Description automatically generated">
            <a:extLst>
              <a:ext uri="{FF2B5EF4-FFF2-40B4-BE49-F238E27FC236}">
                <a16:creationId xmlns:a16="http://schemas.microsoft.com/office/drawing/2014/main" id="{BAE5FD11-43E2-1803-FA24-2D5ACFF6C0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ED479E1-09F8-6E7D-8ABD-CB5B2BCA2B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1BF610D-7BD1-7267-B17F-33B9645E8C9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FCCA108D-C0CB-AD32-5A53-E8E19EF63213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120D11FD-05A3-C795-56E6-A2B6DE241757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-13674" t="-503" r="29723" b="33219"/>
          <a:stretch/>
        </p:blipFill>
        <p:spPr>
          <a:xfrm>
            <a:off x="5802514" y="1563624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3775541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96E507A-0E85-D785-EBD2-52004B4AB6C5}"/>
              </a:ext>
            </a:extLst>
          </p:cNvPr>
          <p:cNvCxnSpPr/>
          <p:nvPr userDrawn="1"/>
        </p:nvCxnSpPr>
        <p:spPr>
          <a:xfrm>
            <a:off x="325014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9" name="Picture 8" descr="Logo, company name&#10;&#10;Description automatically generated">
            <a:extLst>
              <a:ext uri="{FF2B5EF4-FFF2-40B4-BE49-F238E27FC236}">
                <a16:creationId xmlns:a16="http://schemas.microsoft.com/office/drawing/2014/main" id="{627BE3B5-54F4-4AB4-A0B8-B693539F9C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7705"/>
            <a:ext cx="1198905" cy="749030"/>
          </a:xfrm>
          <a:prstGeom prst="rect">
            <a:avLst/>
          </a:prstGeom>
        </p:spPr>
      </p:pic>
      <p:sp>
        <p:nvSpPr>
          <p:cNvPr id="16" name="Title 15">
            <a:extLst>
              <a:ext uri="{FF2B5EF4-FFF2-40B4-BE49-F238E27FC236}">
                <a16:creationId xmlns:a16="http://schemas.microsoft.com/office/drawing/2014/main" id="{5F74BACD-167F-2FBC-600A-F219E9BE50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CA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A7A55BFA-37DE-90F3-6BEF-25EBE1882223}"/>
              </a:ext>
            </a:extLst>
          </p:cNvPr>
          <p:cNvSpPr txBox="1"/>
          <p:nvPr userDrawn="1"/>
        </p:nvSpPr>
        <p:spPr>
          <a:xfrm>
            <a:off x="5638800" y="3167062"/>
            <a:ext cx="914400" cy="91440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en-CA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CE0A3EE3-1A29-2F36-44E6-750ECA4EBFE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35093" y="1548882"/>
            <a:ext cx="11503152" cy="4628081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BA06DD37-A55A-F652-E772-5C901811443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4" name="Slide Number Placeholder 5">
            <a:extLst>
              <a:ext uri="{FF2B5EF4-FFF2-40B4-BE49-F238E27FC236}">
                <a16:creationId xmlns:a16="http://schemas.microsoft.com/office/drawing/2014/main" id="{F1FAFCF5-29A7-0CF3-A037-64001E4271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5" name="Date Placeholder 3">
            <a:extLst>
              <a:ext uri="{FF2B5EF4-FFF2-40B4-BE49-F238E27FC236}">
                <a16:creationId xmlns:a16="http://schemas.microsoft.com/office/drawing/2014/main" id="{3CA31DCE-49B8-6800-AE2C-D2A7B5098AB5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32663027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77F606-CF84-598D-EB45-A0F4923906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CA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57CC5436-4E2F-DAB9-7249-78575EE72DC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466E518-5764-ED24-1C2C-9FA51F8C4644}"/>
              </a:ext>
            </a:extLst>
          </p:cNvPr>
          <p:cNvCxnSpPr/>
          <p:nvPr userDrawn="1"/>
        </p:nvCxnSpPr>
        <p:spPr>
          <a:xfrm>
            <a:off x="334345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" name="Picture 14" descr="Logo, company name&#10;&#10;Description automatically generated">
            <a:extLst>
              <a:ext uri="{FF2B5EF4-FFF2-40B4-BE49-F238E27FC236}">
                <a16:creationId xmlns:a16="http://schemas.microsoft.com/office/drawing/2014/main" id="{EBB5EDE4-0EEE-5070-5D85-7845DC7E1CA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79DE4B0C-B831-EEA3-CCB6-8925E7F1276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034479E7-6FBF-9121-B34B-9747DA875D2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6" name="Date Placeholder 3">
            <a:extLst>
              <a:ext uri="{FF2B5EF4-FFF2-40B4-BE49-F238E27FC236}">
                <a16:creationId xmlns:a16="http://schemas.microsoft.com/office/drawing/2014/main" id="{602ED606-7761-A7F7-C475-716342564CDB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132024621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9187977E-D6B3-A1CF-268B-134E11B1B212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3122676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CA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F837FE3-578C-5977-47A8-F0EEF0043B60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344424" y="365125"/>
            <a:ext cx="8228076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7E9E10BD-44B2-9E64-0503-31E323BCCD34}"/>
              </a:ext>
            </a:extLst>
          </p:cNvPr>
          <p:cNvCxnSpPr>
            <a:cxnSpLocks/>
          </p:cNvCxnSpPr>
          <p:nvPr userDrawn="1"/>
        </p:nvCxnSpPr>
        <p:spPr>
          <a:xfrm rot="-5400000">
            <a:off x="5840984" y="3272917"/>
            <a:ext cx="5815584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A8BF90BE-AA6F-16CA-1BAD-4B23BB3C428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57D2F530-9D94-88FB-34A1-C0F904CD62D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6" name="Date Placeholder 3">
            <a:extLst>
              <a:ext uri="{FF2B5EF4-FFF2-40B4-BE49-F238E27FC236}">
                <a16:creationId xmlns:a16="http://schemas.microsoft.com/office/drawing/2014/main" id="{042FB8A7-3923-45B1-944A-8144A22371F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173346782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ack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21">
            <a:extLst>
              <a:ext uri="{FF2B5EF4-FFF2-40B4-BE49-F238E27FC236}">
                <a16:creationId xmlns:a16="http://schemas.microsoft.com/office/drawing/2014/main" id="{779C35EC-F90E-9F29-8781-BDE5A11842D6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696075" y="0"/>
            <a:ext cx="5484240" cy="6858000"/>
          </a:xfrm>
          <a:solidFill>
            <a:srgbClr val="DEEAC2"/>
          </a:solidFill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CA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05550D-5F90-927F-DB05-942F2BA1FB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4424" y="294093"/>
            <a:ext cx="6180201" cy="1165095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CA" dirty="0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E59506D-2B9B-0F58-6B7D-9F7A40E6EE39}"/>
              </a:ext>
            </a:extLst>
          </p:cNvPr>
          <p:cNvCxnSpPr/>
          <p:nvPr userDrawn="1"/>
        </p:nvCxnSpPr>
        <p:spPr>
          <a:xfrm>
            <a:off x="338328" y="1474269"/>
            <a:ext cx="6181344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25444AE-B06D-CEB2-1B82-C23AA92BC2E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Insert Footer</a:t>
            </a:r>
            <a:endParaRPr lang="en-CA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3A47C3-3E34-35BB-288A-B891C7E9917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chemeClr val="bg1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B3B4E698-8169-B88C-2BEE-EAF2F5A497F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80A614-FA3A-5A11-3A55-AFB6DFDE8B0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44424" y="1825625"/>
            <a:ext cx="6180200" cy="4351338"/>
          </a:xfrm>
        </p:spPr>
        <p:txBody>
          <a:bodyPr/>
          <a:lstStyle>
            <a:lvl2pPr marL="342900" indent="-342900">
              <a:defRPr/>
            </a:lvl2pPr>
            <a:lvl3pPr marL="693738" indent="-346075">
              <a:defRPr/>
            </a:lvl3pPr>
            <a:lvl4pPr marL="1042416">
              <a:defRPr/>
            </a:lvl4pPr>
            <a:lvl5pPr marL="1389888"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2C50FC99-5EB4-8F2D-D6BD-0B551EF87DDE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l="-13674" t="-503" r="29723" b="33219"/>
          <a:stretch/>
        </p:blipFill>
        <p:spPr>
          <a:xfrm flipH="1">
            <a:off x="11660" y="1556026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25826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1_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B1438D-EF6C-7645-7621-C0303AE210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4424" y="1709738"/>
            <a:ext cx="11503152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 dirty="0"/>
              <a:t>Click to edit Master title style</a:t>
            </a:r>
            <a:endParaRPr lang="en-CA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557D9C-0AE1-FF24-FBA3-BC33ED69C67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44424" y="4589463"/>
            <a:ext cx="11503152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D27820B7-3E2A-D0E1-45D8-61A57C962748}"/>
              </a:ext>
            </a:extLst>
          </p:cNvPr>
          <p:cNvCxnSpPr/>
          <p:nvPr userDrawn="1"/>
        </p:nvCxnSpPr>
        <p:spPr>
          <a:xfrm>
            <a:off x="338328" y="4587875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7" name="Picture 16" descr="Logo, company name&#10;&#10;Description automatically generated">
            <a:extLst>
              <a:ext uri="{FF2B5EF4-FFF2-40B4-BE49-F238E27FC236}">
                <a16:creationId xmlns:a16="http://schemas.microsoft.com/office/drawing/2014/main" id="{41E725AD-65C5-C612-6938-329DFA6755A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EDD5E728-A772-1A7C-C665-04D7FC7C022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7D70D8C6-D83E-DBA5-6000-17E8E9ED95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6" name="Date Placeholder 3">
            <a:extLst>
              <a:ext uri="{FF2B5EF4-FFF2-40B4-BE49-F238E27FC236}">
                <a16:creationId xmlns:a16="http://schemas.microsoft.com/office/drawing/2014/main" id="{5579C40F-FC68-50BA-068B-AC13D240DD3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3ED4E7C3-BEB9-2028-FB1B-877FE7E9144B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29" t="-1" r="29738" b="49827"/>
          <a:stretch/>
        </p:blipFill>
        <p:spPr>
          <a:xfrm>
            <a:off x="5914538" y="1688359"/>
            <a:ext cx="6277463" cy="51663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80391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. Right Image - Title &amp; Text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21">
            <a:extLst>
              <a:ext uri="{FF2B5EF4-FFF2-40B4-BE49-F238E27FC236}">
                <a16:creationId xmlns:a16="http://schemas.microsoft.com/office/drawing/2014/main" id="{779C35EC-F90E-9F29-8781-BDE5A11842D6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696075" y="0"/>
            <a:ext cx="5484240" cy="6858000"/>
          </a:xfrm>
          <a:solidFill>
            <a:srgbClr val="DEEAC2"/>
          </a:solidFill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CA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05550D-5F90-927F-DB05-942F2BA1FB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4424" y="294093"/>
            <a:ext cx="6180201" cy="1165095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CA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80A614-FA3A-5A11-3A55-AFB6DFDE8B0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44424" y="1825625"/>
            <a:ext cx="6180200" cy="4351338"/>
          </a:xfrm>
        </p:spPr>
        <p:txBody>
          <a:bodyPr/>
          <a:lstStyle>
            <a:lvl2pPr marL="342900" indent="-342900">
              <a:defRPr/>
            </a:lvl2pPr>
            <a:lvl3pPr marL="693738" indent="-346075">
              <a:defRPr/>
            </a:lvl3pPr>
            <a:lvl4pPr marL="1042416">
              <a:defRPr/>
            </a:lvl4pPr>
            <a:lvl5pPr marL="1389888"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E59506D-2B9B-0F58-6B7D-9F7A40E6EE39}"/>
              </a:ext>
            </a:extLst>
          </p:cNvPr>
          <p:cNvCxnSpPr/>
          <p:nvPr userDrawn="1"/>
        </p:nvCxnSpPr>
        <p:spPr>
          <a:xfrm>
            <a:off x="338328" y="1474269"/>
            <a:ext cx="6181344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25444AE-B06D-CEB2-1B82-C23AA92BC2E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3A47C3-3E34-35BB-288A-B891C7E9917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chemeClr val="bg1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B3B4E698-8169-B88C-2BEE-EAF2F5A497F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10414073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1. Right Image - Title &amp; Text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21">
            <a:extLst>
              <a:ext uri="{FF2B5EF4-FFF2-40B4-BE49-F238E27FC236}">
                <a16:creationId xmlns:a16="http://schemas.microsoft.com/office/drawing/2014/main" id="{779C35EC-F90E-9F29-8781-BDE5A11842D6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484240" cy="6858000"/>
          </a:xfrm>
          <a:solidFill>
            <a:srgbClr val="DEEAC2"/>
          </a:solidFill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CA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05550D-5F90-927F-DB05-942F2BA1FB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667375" y="278262"/>
            <a:ext cx="6180201" cy="1165095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CA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80A614-FA3A-5A11-3A55-AFB6DFDE8B0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5667375" y="1809794"/>
            <a:ext cx="6180200" cy="4351338"/>
          </a:xfrm>
        </p:spPr>
        <p:txBody>
          <a:bodyPr/>
          <a:lstStyle>
            <a:lvl2pPr marL="342900" indent="-342900">
              <a:defRPr/>
            </a:lvl2pPr>
            <a:lvl3pPr marL="693738" indent="-346075">
              <a:defRPr/>
            </a:lvl3pPr>
            <a:lvl4pPr marL="1042416">
              <a:defRPr/>
            </a:lvl4pPr>
            <a:lvl5pPr marL="1389888"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E59506D-2B9B-0F58-6B7D-9F7A40E6EE39}"/>
              </a:ext>
            </a:extLst>
          </p:cNvPr>
          <p:cNvCxnSpPr/>
          <p:nvPr userDrawn="1"/>
        </p:nvCxnSpPr>
        <p:spPr>
          <a:xfrm>
            <a:off x="5661279" y="1458438"/>
            <a:ext cx="6181344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25444AE-B06D-CEB2-1B82-C23AA92BC2E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3A47C3-3E34-35BB-288A-B891C7E9917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chemeClr val="bg1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B3B4E698-8169-B88C-2BEE-EAF2F5A497F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233781781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. Left Image - Title &amp; Tex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B3BD434-7344-870B-868C-3E993E8A8F1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224871"/>
            <a:ext cx="5653150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rgbClr val="9FC54D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53906A78-E352-B8DF-F4F0-1BE671DB00D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803900" cy="6858000"/>
          </a:xfrm>
          <a:solidFill>
            <a:srgbClr val="DEEAC2"/>
          </a:solidFill>
        </p:spPr>
        <p:txBody>
          <a:bodyPr/>
          <a:lstStyle/>
          <a:p>
            <a:endParaRPr lang="en-CA"/>
          </a:p>
        </p:txBody>
      </p:sp>
      <p:pic>
        <p:nvPicPr>
          <p:cNvPr id="23" name="Picture 22" descr="Logo, company name&#10;&#10;Description automatically generated">
            <a:extLst>
              <a:ext uri="{FF2B5EF4-FFF2-40B4-BE49-F238E27FC236}">
                <a16:creationId xmlns:a16="http://schemas.microsoft.com/office/drawing/2014/main" id="{78FB3650-652F-BC1C-F3E2-7B6905A3EE4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7D108D55-6E59-4C3F-8D5A-F6CD0AA02B75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3" name="Slide Number Placeholder 5">
            <a:extLst>
              <a:ext uri="{FF2B5EF4-FFF2-40B4-BE49-F238E27FC236}">
                <a16:creationId xmlns:a16="http://schemas.microsoft.com/office/drawing/2014/main" id="{193F4D02-4567-19FD-7A65-54F97B7662D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518F93-B670-0D0D-36BE-19A4128FE15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A2C3411C-3022-ACFC-CF8B-B2FB2138CEF8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72200" y="2196306"/>
            <a:ext cx="5653088" cy="402097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</p:spTree>
    <p:extLst>
      <p:ext uri="{BB962C8B-B14F-4D97-AF65-F5344CB8AC3E}">
        <p14:creationId xmlns:p14="http://schemas.microsoft.com/office/powerpoint/2010/main" val="60119599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. Right Image - Title &amp; Text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21">
            <a:extLst>
              <a:ext uri="{FF2B5EF4-FFF2-40B4-BE49-F238E27FC236}">
                <a16:creationId xmlns:a16="http://schemas.microsoft.com/office/drawing/2014/main" id="{2345FF76-9548-1217-0467-192474860B4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391469" y="0"/>
            <a:ext cx="5803900" cy="6858000"/>
          </a:xfrm>
          <a:solidFill>
            <a:srgbClr val="DEEAC2"/>
          </a:solidFill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CA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4FB04-286A-E25A-BCE7-DC89310ABFD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25C487D-24EF-2956-F40F-5C8A4F2AD35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chemeClr val="bg1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C867243D-B42F-BC71-6E8B-9052DEFCDAF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7757EF57-758E-9D35-61D9-BECEC9ABEB2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44362" y="1325159"/>
            <a:ext cx="5653088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rgbClr val="9FC54D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9" name="Content Placeholder 7">
            <a:extLst>
              <a:ext uri="{FF2B5EF4-FFF2-40B4-BE49-F238E27FC236}">
                <a16:creationId xmlns:a16="http://schemas.microsoft.com/office/drawing/2014/main" id="{79DDD947-1DEA-407C-0343-7B0567C5951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4424" y="2286866"/>
            <a:ext cx="5653088" cy="37115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pic>
        <p:nvPicPr>
          <p:cNvPr id="11" name="Picture 10" descr="Logo, company name&#10;&#10;Description automatically generated">
            <a:extLst>
              <a:ext uri="{FF2B5EF4-FFF2-40B4-BE49-F238E27FC236}">
                <a16:creationId xmlns:a16="http://schemas.microsoft.com/office/drawing/2014/main" id="{9EA80B11-1F74-1D98-916B-BC03F75C46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348" y="327705"/>
            <a:ext cx="1198905" cy="7490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069468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05550D-5F90-927F-DB05-942F2BA1FB9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CA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80A614-FA3A-5A11-3A55-AFB6DFDE8B0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44424" y="1825625"/>
            <a:ext cx="5675376" cy="4351338"/>
          </a:xfrm>
        </p:spPr>
        <p:txBody>
          <a:bodyPr/>
          <a:lstStyle>
            <a:lvl2pPr marL="342900" indent="-342900"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0ADF260-3ACC-C598-31E1-D2D014F1D2BB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199" y="1825625"/>
            <a:ext cx="5657753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CA"/>
          </a:p>
        </p:txBody>
      </p:sp>
      <p:pic>
        <p:nvPicPr>
          <p:cNvPr id="8" name="Picture 7" descr="Logo, company name&#10;&#10;Description automatically generated">
            <a:extLst>
              <a:ext uri="{FF2B5EF4-FFF2-40B4-BE49-F238E27FC236}">
                <a16:creationId xmlns:a16="http://schemas.microsoft.com/office/drawing/2014/main" id="{4291A70A-EF2F-0A7E-73F4-B4FFCE8DC1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E59506D-2B9B-0F58-6B7D-9F7A40E6EE39}"/>
              </a:ext>
            </a:extLst>
          </p:cNvPr>
          <p:cNvCxnSpPr/>
          <p:nvPr userDrawn="1"/>
        </p:nvCxnSpPr>
        <p:spPr>
          <a:xfrm>
            <a:off x="334345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D7DE73-AA68-DB03-144A-E4220BA7232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44F9CD1-888A-EC72-13A1-E71217AAF98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78AF3A2C-19A4-E314-FECC-9F3592301F1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25C250A-8AA9-32A1-FB9D-8064C123BCC5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-13674" t="-503" r="29723" b="33219"/>
          <a:stretch/>
        </p:blipFill>
        <p:spPr>
          <a:xfrm>
            <a:off x="5802514" y="1563624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617201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D5C4DB6-BAFD-EEBB-198A-71A65F13F72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44424" y="1682507"/>
            <a:ext cx="5653151" cy="822568"/>
          </a:xfrm>
        </p:spPr>
        <p:txBody>
          <a:bodyPr anchor="b">
            <a:noAutofit/>
          </a:bodyPr>
          <a:lstStyle>
            <a:lvl1pPr marL="0" indent="0">
              <a:buNone/>
              <a:defRPr sz="1800" b="0">
                <a:solidFill>
                  <a:srgbClr val="53565A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B3BD434-7344-870B-868C-3E993E8A8F1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653150" cy="823912"/>
          </a:xfrm>
        </p:spPr>
        <p:txBody>
          <a:bodyPr anchor="b">
            <a:noAutofit/>
          </a:bodyPr>
          <a:lstStyle>
            <a:lvl1pPr marL="0" indent="0">
              <a:buNone/>
              <a:defRPr sz="1800" b="0">
                <a:solidFill>
                  <a:srgbClr val="53565A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Title 15">
            <a:extLst>
              <a:ext uri="{FF2B5EF4-FFF2-40B4-BE49-F238E27FC236}">
                <a16:creationId xmlns:a16="http://schemas.microsoft.com/office/drawing/2014/main" id="{37C6DD76-E650-B32A-7E7B-E2178641858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CA" dirty="0"/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A2317EBD-2C1D-A81C-1333-A4C2A4967183}"/>
              </a:ext>
            </a:extLst>
          </p:cNvPr>
          <p:cNvCxnSpPr/>
          <p:nvPr userDrawn="1"/>
        </p:nvCxnSpPr>
        <p:spPr>
          <a:xfrm>
            <a:off x="338328" y="1474269"/>
            <a:ext cx="11503152" cy="0"/>
          </a:xfrm>
          <a:prstGeom prst="line">
            <a:avLst/>
          </a:prstGeom>
          <a:ln w="19050">
            <a:solidFill>
              <a:srgbClr val="80818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" name="Picture 1" descr="Logo, company name&#10;&#10;Description automatically generated">
            <a:extLst>
              <a:ext uri="{FF2B5EF4-FFF2-40B4-BE49-F238E27FC236}">
                <a16:creationId xmlns:a16="http://schemas.microsoft.com/office/drawing/2014/main" id="{742833D7-0824-A788-2038-130D60ADAC5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84C2EAED-3092-B40A-9499-7E63A66D1AB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/>
          </a:p>
        </p:txBody>
      </p:sp>
      <p:sp>
        <p:nvSpPr>
          <p:cNvPr id="8" name="Slide Number Placeholder 5">
            <a:extLst>
              <a:ext uri="{FF2B5EF4-FFF2-40B4-BE49-F238E27FC236}">
                <a16:creationId xmlns:a16="http://schemas.microsoft.com/office/drawing/2014/main" id="{CE57AE26-4E2C-33E4-7240-9E1148E708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16A18E35-2E3C-37CD-2910-1BF81E97552C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EFA504F3-5E16-F55E-37E5-D29B7A5B488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50838" y="2578608"/>
            <a:ext cx="5650992" cy="37115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sp>
        <p:nvSpPr>
          <p:cNvPr id="13" name="Content Placeholder 10">
            <a:extLst>
              <a:ext uri="{FF2B5EF4-FFF2-40B4-BE49-F238E27FC236}">
                <a16:creationId xmlns:a16="http://schemas.microsoft.com/office/drawing/2014/main" id="{B1A108B7-375B-DA5B-DAAE-ACC411A294C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192838" y="2591308"/>
            <a:ext cx="5650992" cy="37115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  <a:p>
            <a:pPr lvl="4"/>
            <a:endParaRPr lang="en-CA" dirty="0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F144BBFE-D46F-F8E7-EAF1-93113E91EFDC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-13674" t="-503" r="29723" b="33219"/>
          <a:stretch/>
        </p:blipFill>
        <p:spPr>
          <a:xfrm>
            <a:off x="5802514" y="1563624"/>
            <a:ext cx="6368044" cy="5291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8905060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27D1A26-09C0-DBD8-DDC2-9B3499AA1A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4424" y="294093"/>
            <a:ext cx="10149840" cy="116509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dirty="0"/>
              <a:t>Click to edit Master title style</a:t>
            </a:r>
            <a:endParaRPr lang="en-CA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C9F97BE-9A2F-4EAF-A9B5-885FD0D18313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44424" y="1548882"/>
            <a:ext cx="11503152" cy="4628081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817D25B-67C2-1D7E-5BEF-B51C3457505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6355080"/>
            <a:ext cx="837055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rgbClr val="808183"/>
                </a:solidFill>
              </a:defRPr>
            </a:lvl1pPr>
          </a:lstStyle>
          <a:p>
            <a:r>
              <a:rPr lang="en-US"/>
              <a:t>Insert Footer</a:t>
            </a:r>
            <a:endParaRPr lang="en-CA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7A5FE16-6F25-4564-8F4B-A43CDC1096B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6355080"/>
            <a:ext cx="526433" cy="365125"/>
          </a:xfrm>
          <a:prstGeom prst="rect">
            <a:avLst/>
          </a:prstGeom>
        </p:spPr>
        <p:txBody>
          <a:bodyPr vert="horz" lIns="0" tIns="45720" rIns="0" bIns="45720" rtlCol="0" anchor="ctr"/>
          <a:lstStyle>
            <a:lvl1pPr algn="ctr">
              <a:defRPr sz="1200">
                <a:solidFill>
                  <a:srgbClr val="808183"/>
                </a:solidFill>
              </a:defRPr>
            </a:lvl1pPr>
          </a:lstStyle>
          <a:p>
            <a:pPr algn="r"/>
            <a:fld id="{F83F6E58-D5E2-4E27-A91B-EE9D102391C1}" type="slidenum">
              <a:rPr lang="en-CA" smtClean="0"/>
              <a:pPr algn="r"/>
              <a:t>‹#›</a:t>
            </a:fld>
            <a:endParaRPr lang="en-CA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B5258B9C-486E-3AB5-BE8E-FD0796A50BD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44424" y="6355080"/>
            <a:ext cx="2606166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lang="en-CA" sz="1200" smtClean="0">
                <a:solidFill>
                  <a:srgbClr val="808183"/>
                </a:solidFill>
              </a:defRPr>
            </a:lvl1pPr>
          </a:lstStyle>
          <a:p>
            <a:endParaRPr lang="en-CA" dirty="0"/>
          </a:p>
        </p:txBody>
      </p:sp>
    </p:spTree>
    <p:extLst>
      <p:ext uri="{BB962C8B-B14F-4D97-AF65-F5344CB8AC3E}">
        <p14:creationId xmlns:p14="http://schemas.microsoft.com/office/powerpoint/2010/main" val="31101076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674" r:id="rId2"/>
    <p:sldLayoutId id="2147483684" r:id="rId3"/>
    <p:sldLayoutId id="2147483686" r:id="rId4"/>
    <p:sldLayoutId id="2147483697" r:id="rId5"/>
    <p:sldLayoutId id="2147483677" r:id="rId6"/>
    <p:sldLayoutId id="2147483687" r:id="rId7"/>
    <p:sldLayoutId id="2147483689" r:id="rId8"/>
    <p:sldLayoutId id="2147483685" r:id="rId9"/>
    <p:sldLayoutId id="2147483695" r:id="rId10"/>
    <p:sldLayoutId id="2147483693" r:id="rId11"/>
    <p:sldLayoutId id="2147483691" r:id="rId12"/>
    <p:sldLayoutId id="2147483690" r:id="rId13"/>
    <p:sldLayoutId id="2147483678" r:id="rId14"/>
    <p:sldLayoutId id="2147483694" r:id="rId15"/>
    <p:sldLayoutId id="2147483679" r:id="rId16"/>
    <p:sldLayoutId id="2147483696" r:id="rId17"/>
    <p:sldLayoutId id="2147483680" r:id="rId18"/>
    <p:sldLayoutId id="2147483681" r:id="rId19"/>
    <p:sldLayoutId id="2147483682" r:id="rId20"/>
    <p:sldLayoutId id="2147483683" r:id="rId21"/>
    <p:sldLayoutId id="2147483692" r:id="rId22"/>
  </p:sldLayoutIdLst>
  <p:hf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kern="1200">
          <a:solidFill>
            <a:srgbClr val="9FC54D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buClr>
          <a:srgbClr val="9FC54D"/>
        </a:buClr>
        <a:buFontTx/>
        <a:buNone/>
        <a:defRPr sz="1600" kern="1200">
          <a:solidFill>
            <a:srgbClr val="53565A"/>
          </a:solidFill>
          <a:latin typeface="Calibri Light" panose="020F0302020204030204" pitchFamily="34" charset="0"/>
          <a:ea typeface="Calibri Light" panose="020F0302020204030204" pitchFamily="34" charset="0"/>
          <a:cs typeface="Calibri Light" panose="020F0302020204030204" pitchFamily="34" charset="0"/>
        </a:defRPr>
      </a:lvl1pPr>
      <a:lvl2pPr marL="342900" indent="-342900" algn="l" defTabSz="914400" rtl="0" eaLnBrk="1" latinLnBrk="0" hangingPunct="1">
        <a:lnSpc>
          <a:spcPct val="90000"/>
        </a:lnSpc>
        <a:spcBef>
          <a:spcPts val="500"/>
        </a:spcBef>
        <a:buClr>
          <a:srgbClr val="9FC54D"/>
        </a:buClr>
        <a:buSzPct val="100000"/>
        <a:buFont typeface="Arial" panose="020B0604020202020204" pitchFamily="34" charset="0"/>
        <a:buChar char="•"/>
        <a:defRPr sz="1600" kern="1200">
          <a:solidFill>
            <a:srgbClr val="53565A"/>
          </a:solidFill>
          <a:latin typeface="Calibri Light" panose="020F0302020204030204" pitchFamily="34" charset="0"/>
          <a:ea typeface="Calibri Light" panose="020F0302020204030204" pitchFamily="34" charset="0"/>
          <a:cs typeface="Calibri Light" panose="020F0302020204030204" pitchFamily="34" charset="0"/>
        </a:defRPr>
      </a:lvl2pPr>
      <a:lvl3pPr marL="694944" indent="-342900" algn="l" defTabSz="914400" rtl="0" eaLnBrk="1" latinLnBrk="0" hangingPunct="1">
        <a:lnSpc>
          <a:spcPct val="90000"/>
        </a:lnSpc>
        <a:spcBef>
          <a:spcPts val="500"/>
        </a:spcBef>
        <a:buClr>
          <a:srgbClr val="9FC54D"/>
        </a:buClr>
        <a:buSzPct val="100000"/>
        <a:buFont typeface="Arial" panose="020B0604020202020204" pitchFamily="34" charset="0"/>
        <a:buChar char="•"/>
        <a:defRPr sz="1600" kern="1200">
          <a:solidFill>
            <a:srgbClr val="53565A"/>
          </a:solidFill>
          <a:latin typeface="Calibri Light" panose="020F0302020204030204" pitchFamily="34" charset="0"/>
          <a:ea typeface="Calibri Light" panose="020F0302020204030204" pitchFamily="34" charset="0"/>
          <a:cs typeface="Calibri Light" panose="020F0302020204030204" pitchFamily="34" charset="0"/>
        </a:defRPr>
      </a:lvl3pPr>
      <a:lvl4pPr marL="1042416" indent="-342900" algn="l" defTabSz="914400" rtl="0" eaLnBrk="1" latinLnBrk="0" hangingPunct="1">
        <a:lnSpc>
          <a:spcPct val="90000"/>
        </a:lnSpc>
        <a:spcBef>
          <a:spcPts val="500"/>
        </a:spcBef>
        <a:buClr>
          <a:srgbClr val="9FC54D"/>
        </a:buClr>
        <a:buSzPct val="100000"/>
        <a:buFont typeface="Arial" panose="020B0604020202020204" pitchFamily="34" charset="0"/>
        <a:buChar char="•"/>
        <a:defRPr sz="1600" kern="1200">
          <a:solidFill>
            <a:srgbClr val="53565A"/>
          </a:solidFill>
          <a:latin typeface="Calibri Light" panose="020F0302020204030204" pitchFamily="34" charset="0"/>
          <a:ea typeface="Calibri Light" panose="020F0302020204030204" pitchFamily="34" charset="0"/>
          <a:cs typeface="Calibri Light" panose="020F0302020204030204" pitchFamily="34" charset="0"/>
        </a:defRPr>
      </a:lvl4pPr>
      <a:lvl5pPr marL="1389888" indent="-342900" algn="l" defTabSz="914400" rtl="0" eaLnBrk="1" latinLnBrk="0" hangingPunct="1">
        <a:lnSpc>
          <a:spcPct val="90000"/>
        </a:lnSpc>
        <a:spcBef>
          <a:spcPts val="500"/>
        </a:spcBef>
        <a:buClr>
          <a:srgbClr val="9FC54D"/>
        </a:buClr>
        <a:buSzPct val="100000"/>
        <a:buFont typeface="Arial" panose="020B0604020202020204" pitchFamily="34" charset="0"/>
        <a:buChar char="•"/>
        <a:defRPr sz="1600" kern="1200">
          <a:solidFill>
            <a:srgbClr val="53565A"/>
          </a:solidFill>
          <a:latin typeface="Calibri Light" panose="020F0302020204030204" pitchFamily="34" charset="0"/>
          <a:ea typeface="Calibri Light" panose="020F0302020204030204" pitchFamily="34" charset="0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Relationship Id="rId5" Type="http://schemas.openxmlformats.org/officeDocument/2006/relationships/image" Target="../media/image4.jpe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4.xml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13" Type="http://schemas.openxmlformats.org/officeDocument/2006/relationships/image" Target="../media/image20.jpeg"/><Relationship Id="rId3" Type="http://schemas.openxmlformats.org/officeDocument/2006/relationships/slideLayout" Target="../slideLayouts/slideLayout22.xml"/><Relationship Id="rId7" Type="http://schemas.openxmlformats.org/officeDocument/2006/relationships/image" Target="../media/image14.jpeg"/><Relationship Id="rId12" Type="http://schemas.openxmlformats.org/officeDocument/2006/relationships/image" Target="../media/image19.jpe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13.png"/><Relationship Id="rId11" Type="http://schemas.openxmlformats.org/officeDocument/2006/relationships/image" Target="../media/image18.jpeg"/><Relationship Id="rId5" Type="http://schemas.openxmlformats.org/officeDocument/2006/relationships/image" Target="../media/image12.jpeg"/><Relationship Id="rId15" Type="http://schemas.openxmlformats.org/officeDocument/2006/relationships/image" Target="../media/image22.png"/><Relationship Id="rId10" Type="http://schemas.openxmlformats.org/officeDocument/2006/relationships/image" Target="../media/image17.png"/><Relationship Id="rId4" Type="http://schemas.openxmlformats.org/officeDocument/2006/relationships/image" Target="../media/image3.png"/><Relationship Id="rId9" Type="http://schemas.openxmlformats.org/officeDocument/2006/relationships/image" Target="../media/image16.jpeg"/><Relationship Id="rId14" Type="http://schemas.openxmlformats.org/officeDocument/2006/relationships/image" Target="../media/image2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45439C47-731E-7A76-4896-12027AEADC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2354" y="4108817"/>
            <a:ext cx="4598896" cy="1165095"/>
          </a:xfrm>
        </p:spPr>
        <p:txBody>
          <a:bodyPr>
            <a:normAutofit/>
          </a:bodyPr>
          <a:lstStyle/>
          <a:p>
            <a:r>
              <a:rPr lang="en-AU" dirty="0"/>
              <a:t>Using a novel chain of models to mimic source aquifer depressurisation  impacts across the </a:t>
            </a:r>
            <a:r>
              <a:rPr lang="en-AU" dirty="0" err="1"/>
              <a:t>Doongmabulla</a:t>
            </a:r>
            <a:r>
              <a:rPr lang="en-AU" dirty="0"/>
              <a:t> Springs Complex , Queensland, Australia</a:t>
            </a:r>
            <a:endParaRPr lang="en-CA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7CD915D-0F62-C214-6C07-B162FFF0B43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322263" y="5399313"/>
            <a:ext cx="4598987" cy="439511"/>
          </a:xfrm>
        </p:spPr>
        <p:txBody>
          <a:bodyPr>
            <a:normAutofit/>
          </a:bodyPr>
          <a:lstStyle/>
          <a:p>
            <a:r>
              <a:rPr lang="en-AU" sz="1100" dirty="0"/>
              <a:t>Anne Gibson</a:t>
            </a:r>
            <a:r>
              <a:rPr lang="en-AU" sz="1100" baseline="30000" dirty="0"/>
              <a:t>1</a:t>
            </a:r>
            <a:r>
              <a:rPr lang="en-AU" sz="1100" dirty="0"/>
              <a:t> Richard Cresswell</a:t>
            </a:r>
            <a:r>
              <a:rPr lang="en-AU" sz="1100" baseline="30000" dirty="0"/>
              <a:t>1</a:t>
            </a:r>
            <a:r>
              <a:rPr lang="en-AU" sz="1100" dirty="0"/>
              <a:t> Jarrah Muller</a:t>
            </a:r>
            <a:r>
              <a:rPr lang="en-AU" sz="1100" baseline="30000" dirty="0"/>
              <a:t>2</a:t>
            </a:r>
            <a:r>
              <a:rPr lang="en-AU" sz="1100" dirty="0"/>
              <a:t> Samantha Capon</a:t>
            </a:r>
            <a:r>
              <a:rPr lang="en-AU" sz="1100" baseline="30000" dirty="0"/>
              <a:t>3</a:t>
            </a:r>
            <a:r>
              <a:rPr lang="en-AU" sz="1100" dirty="0"/>
              <a:t> Rebekah Grieger</a:t>
            </a:r>
            <a:r>
              <a:rPr lang="en-AU" sz="1100" baseline="30000" dirty="0"/>
              <a:t>3</a:t>
            </a:r>
            <a:r>
              <a:rPr lang="en-AU" sz="1100" dirty="0"/>
              <a:t> Penn Lloyd</a:t>
            </a:r>
            <a:r>
              <a:rPr lang="en-AU" sz="1100" baseline="30000" dirty="0"/>
              <a:t>4</a:t>
            </a:r>
            <a:r>
              <a:rPr lang="en-AU" sz="1100" dirty="0"/>
              <a:t> David Stanton</a:t>
            </a:r>
            <a:r>
              <a:rPr lang="en-AU" sz="1100" baseline="30000" dirty="0"/>
              <a:t>5</a:t>
            </a:r>
            <a:r>
              <a:rPr lang="en-AU" sz="1100" dirty="0"/>
              <a:t> Miles Yeates</a:t>
            </a:r>
            <a:r>
              <a:rPr lang="en-AU" sz="1100" baseline="30000" dirty="0"/>
              <a:t>6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782931CD-3EDF-3ECC-46CC-68448EFFF516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CA" dirty="0"/>
              <a:t>5 May 2026</a:t>
            </a:r>
          </a:p>
        </p:txBody>
      </p:sp>
      <p:pic>
        <p:nvPicPr>
          <p:cNvPr id="5" name="Content Placeholder 15" descr="A grassy area with water in it&#10;&#10;Description automatically generated">
            <a:extLst>
              <a:ext uri="{FF2B5EF4-FFF2-40B4-BE49-F238E27FC236}">
                <a16:creationId xmlns:a16="http://schemas.microsoft.com/office/drawing/2014/main" id="{C6F08FC8-105E-D7ED-BCEA-7533A2BF8F6B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866" r="11866"/>
          <a:stretch>
            <a:fillRect/>
          </a:stretch>
        </p:blipFill>
        <p:spPr>
          <a:xfrm>
            <a:off x="5218113" y="0"/>
            <a:ext cx="6973887" cy="6858000"/>
          </a:xfr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700A2D9-3399-65E9-44CB-7EF03551E6C2}"/>
              </a:ext>
            </a:extLst>
          </p:cNvPr>
          <p:cNvSpPr txBox="1"/>
          <p:nvPr/>
        </p:nvSpPr>
        <p:spPr>
          <a:xfrm>
            <a:off x="322263" y="6304002"/>
            <a:ext cx="6096000" cy="5539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AU" sz="1000" baseline="30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1</a:t>
            </a:r>
            <a:r>
              <a:rPr lang="en-AU" sz="1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Eco Logical Australia 	</a:t>
            </a:r>
            <a:r>
              <a:rPr lang="en-AU" sz="1000" baseline="30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4 </a:t>
            </a:r>
            <a:r>
              <a:rPr lang="en-AU" sz="1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BAAM Ecology </a:t>
            </a:r>
            <a:br>
              <a:rPr lang="en-AU" sz="1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</a:br>
            <a:r>
              <a:rPr lang="en-AU" sz="1000" baseline="30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2</a:t>
            </a:r>
            <a:r>
              <a:rPr lang="en-AU" sz="1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EMM Consulting        	</a:t>
            </a:r>
            <a:r>
              <a:rPr lang="en-AU" sz="1000" baseline="30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5 </a:t>
            </a:r>
            <a:r>
              <a:rPr lang="en-AU" sz="1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Watermark Ecohydrology</a:t>
            </a:r>
          </a:p>
          <a:p>
            <a:r>
              <a:rPr lang="en-AU" sz="1000" baseline="30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3</a:t>
            </a:r>
            <a:r>
              <a:rPr lang="en-AU" sz="1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Griffith University       	</a:t>
            </a:r>
            <a:r>
              <a:rPr lang="en-AU" sz="1000" baseline="30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6 </a:t>
            </a:r>
            <a:r>
              <a:rPr lang="en-AU" sz="1000" dirty="0">
                <a:solidFill>
                  <a:schemeClr val="tx1">
                    <a:lumMod val="50000"/>
                    <a:lumOff val="50000"/>
                  </a:schemeClr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Essence Environmenta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8176098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4">
            <a:extLst>
              <a:ext uri="{FF2B5EF4-FFF2-40B4-BE49-F238E27FC236}">
                <a16:creationId xmlns:a16="http://schemas.microsoft.com/office/drawing/2014/main" id="{FB2E9817-5021-690C-125A-A6550D442EB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4424" y="294093"/>
            <a:ext cx="6180201" cy="1165095"/>
          </a:xfrm>
        </p:spPr>
        <p:txBody>
          <a:bodyPr>
            <a:normAutofit fontScale="90000"/>
          </a:bodyPr>
          <a:lstStyle/>
          <a:p>
            <a:r>
              <a:rPr lang="en-CA" dirty="0"/>
              <a:t>Hydro-ecological conceptualisation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E5F0A7AC-A6EF-291B-263B-14CA8ACC6C3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44424" y="1729063"/>
            <a:ext cx="6075539" cy="4564829"/>
          </a:xfrm>
          <a:prstGeom prst="rect">
            <a:avLst/>
          </a:prstGeom>
        </p:spPr>
      </p:pic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1DCBF917-0FD1-8C29-52E6-87028BD05D20}"/>
              </a:ext>
            </a:extLst>
          </p:cNvPr>
          <p:cNvCxnSpPr>
            <a:cxnSpLocks/>
          </p:cNvCxnSpPr>
          <p:nvPr/>
        </p:nvCxnSpPr>
        <p:spPr>
          <a:xfrm>
            <a:off x="3515718" y="2446034"/>
            <a:ext cx="155705" cy="710610"/>
          </a:xfrm>
          <a:prstGeom prst="straightConnector1">
            <a:avLst/>
          </a:prstGeom>
          <a:ln>
            <a:solidFill>
              <a:srgbClr val="FFFF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37C9B62F-9BD1-C84D-0277-C97F271AB7BD}"/>
              </a:ext>
            </a:extLst>
          </p:cNvPr>
          <p:cNvSpPr txBox="1"/>
          <p:nvPr/>
        </p:nvSpPr>
        <p:spPr>
          <a:xfrm>
            <a:off x="2789579" y="2076702"/>
            <a:ext cx="124309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Spring vent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BA4A4C37-95A8-A442-8AB4-53D8DA32D034}"/>
              </a:ext>
            </a:extLst>
          </p:cNvPr>
          <p:cNvCxnSpPr>
            <a:cxnSpLocks/>
          </p:cNvCxnSpPr>
          <p:nvPr/>
        </p:nvCxnSpPr>
        <p:spPr>
          <a:xfrm flipH="1">
            <a:off x="4750100" y="2649251"/>
            <a:ext cx="717250" cy="655026"/>
          </a:xfrm>
          <a:prstGeom prst="straightConnector1">
            <a:avLst/>
          </a:prstGeom>
          <a:ln>
            <a:solidFill>
              <a:srgbClr val="FFFF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Right Bracket 18">
            <a:extLst>
              <a:ext uri="{FF2B5EF4-FFF2-40B4-BE49-F238E27FC236}">
                <a16:creationId xmlns:a16="http://schemas.microsoft.com/office/drawing/2014/main" id="{79BB9E12-BA0B-E1E6-7300-CC68FC78F59C}"/>
              </a:ext>
            </a:extLst>
          </p:cNvPr>
          <p:cNvSpPr/>
          <p:nvPr/>
        </p:nvSpPr>
        <p:spPr>
          <a:xfrm rot="16200000">
            <a:off x="3548687" y="2909496"/>
            <a:ext cx="150435" cy="713191"/>
          </a:xfrm>
          <a:prstGeom prst="rightBracket">
            <a:avLst/>
          </a:prstGeom>
          <a:ln w="25400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ight Bracket 20">
            <a:extLst>
              <a:ext uri="{FF2B5EF4-FFF2-40B4-BE49-F238E27FC236}">
                <a16:creationId xmlns:a16="http://schemas.microsoft.com/office/drawing/2014/main" id="{A1597080-9516-9323-58A0-40A7171844D7}"/>
              </a:ext>
            </a:extLst>
          </p:cNvPr>
          <p:cNvSpPr/>
          <p:nvPr/>
        </p:nvSpPr>
        <p:spPr>
          <a:xfrm rot="16200000">
            <a:off x="4602729" y="2761417"/>
            <a:ext cx="142277" cy="1304543"/>
          </a:xfrm>
          <a:prstGeom prst="rightBracket">
            <a:avLst/>
          </a:prstGeom>
          <a:ln w="25400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C88FFADC-A607-FC9D-AD50-653F65BC0879}"/>
              </a:ext>
            </a:extLst>
          </p:cNvPr>
          <p:cNvSpPr txBox="1"/>
          <p:nvPr/>
        </p:nvSpPr>
        <p:spPr>
          <a:xfrm>
            <a:off x="4802276" y="1857260"/>
            <a:ext cx="1617687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Wetland body; </a:t>
            </a:r>
          </a:p>
          <a:p>
            <a:r>
              <a:rPr lang="en-US" dirty="0"/>
              <a:t>permanently </a:t>
            </a:r>
          </a:p>
          <a:p>
            <a:r>
              <a:rPr lang="en-US" dirty="0"/>
              <a:t>wet</a:t>
            </a:r>
          </a:p>
        </p:txBody>
      </p:sp>
      <p:sp>
        <p:nvSpPr>
          <p:cNvPr id="24" name="Right Bracket 23">
            <a:extLst>
              <a:ext uri="{FF2B5EF4-FFF2-40B4-BE49-F238E27FC236}">
                <a16:creationId xmlns:a16="http://schemas.microsoft.com/office/drawing/2014/main" id="{1C16DA59-D8F8-9883-F05E-B348F3EFFF44}"/>
              </a:ext>
            </a:extLst>
          </p:cNvPr>
          <p:cNvSpPr/>
          <p:nvPr/>
        </p:nvSpPr>
        <p:spPr>
          <a:xfrm rot="16200000">
            <a:off x="1017081" y="3369642"/>
            <a:ext cx="150435" cy="1434105"/>
          </a:xfrm>
          <a:prstGeom prst="rightBracket">
            <a:avLst/>
          </a:prstGeom>
          <a:ln w="25400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29F82119-6C3C-FB11-CF66-6095CA15E083}"/>
              </a:ext>
            </a:extLst>
          </p:cNvPr>
          <p:cNvCxnSpPr>
            <a:cxnSpLocks/>
          </p:cNvCxnSpPr>
          <p:nvPr/>
        </p:nvCxnSpPr>
        <p:spPr>
          <a:xfrm flipH="1">
            <a:off x="1061476" y="2498209"/>
            <a:ext cx="171547" cy="1466933"/>
          </a:xfrm>
          <a:prstGeom prst="straightConnector1">
            <a:avLst/>
          </a:prstGeom>
          <a:ln>
            <a:solidFill>
              <a:srgbClr val="FFFF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E8E86825-8317-0020-FE7F-8939B6F47239}"/>
              </a:ext>
            </a:extLst>
          </p:cNvPr>
          <p:cNvSpPr txBox="1"/>
          <p:nvPr/>
        </p:nvSpPr>
        <p:spPr>
          <a:xfrm>
            <a:off x="386808" y="1811001"/>
            <a:ext cx="1893467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r"/>
            <a:r>
              <a:rPr lang="en-US" dirty="0"/>
              <a:t>Wetland margins; </a:t>
            </a:r>
          </a:p>
          <a:p>
            <a:pPr algn="r"/>
            <a:r>
              <a:rPr lang="en-US" dirty="0"/>
              <a:t>intermittently </a:t>
            </a:r>
          </a:p>
          <a:p>
            <a:pPr algn="r"/>
            <a:r>
              <a:rPr lang="en-US" dirty="0"/>
              <a:t>wet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C5722FC4-148D-1EA6-C905-5A7C92E574EB}"/>
              </a:ext>
            </a:extLst>
          </p:cNvPr>
          <p:cNvSpPr/>
          <p:nvPr/>
        </p:nvSpPr>
        <p:spPr>
          <a:xfrm>
            <a:off x="1356313" y="4896695"/>
            <a:ext cx="5063650" cy="1397198"/>
          </a:xfrm>
          <a:prstGeom prst="ellipse">
            <a:avLst/>
          </a:prstGeom>
          <a:noFill/>
          <a:ln w="25400">
            <a:solidFill>
              <a:srgbClr val="FFFF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2FED92BB-56FF-955A-14EE-E31C6224BFD3}"/>
              </a:ext>
            </a:extLst>
          </p:cNvPr>
          <p:cNvSpPr txBox="1"/>
          <p:nvPr/>
        </p:nvSpPr>
        <p:spPr>
          <a:xfrm>
            <a:off x="3176283" y="5400828"/>
            <a:ext cx="130042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r"/>
            <a:r>
              <a:rPr lang="en-US" dirty="0"/>
              <a:t>Saline/scald</a:t>
            </a:r>
          </a:p>
        </p:txBody>
      </p:sp>
      <p:sp>
        <p:nvSpPr>
          <p:cNvPr id="34" name="Footer Placeholder 4">
            <a:extLst>
              <a:ext uri="{FF2B5EF4-FFF2-40B4-BE49-F238E27FC236}">
                <a16:creationId xmlns:a16="http://schemas.microsoft.com/office/drawing/2014/main" id="{A17B6EF2-9B28-3C85-A3ED-C311C1E76CE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50590" y="5547283"/>
            <a:ext cx="8370553" cy="365125"/>
          </a:xfrm>
        </p:spPr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An Introduction to Eco Logical Australia </a:t>
            </a:r>
            <a:endParaRPr lang="en-CA"/>
          </a:p>
        </p:txBody>
      </p:sp>
      <p:sp>
        <p:nvSpPr>
          <p:cNvPr id="35" name="Slide Number Placeholder 3">
            <a:extLst>
              <a:ext uri="{FF2B5EF4-FFF2-40B4-BE49-F238E27FC236}">
                <a16:creationId xmlns:a16="http://schemas.microsoft.com/office/drawing/2014/main" id="{02663229-3E9E-57CC-904D-8A4D590C339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21143" y="5547283"/>
            <a:ext cx="526433" cy="365125"/>
          </a:xfrm>
        </p:spPr>
        <p:txBody>
          <a:bodyPr anchor="ctr">
            <a:normAutofit/>
          </a:bodyPr>
          <a:lstStyle/>
          <a:p>
            <a:pPr algn="r">
              <a:spcAft>
                <a:spcPts val="600"/>
              </a:spcAft>
            </a:pPr>
            <a:fld id="{F83F6E58-D5E2-4E27-A91B-EE9D102391C1}" type="slidenum">
              <a:rPr lang="en-CA" smtClean="0"/>
              <a:pPr algn="r">
                <a:spcAft>
                  <a:spcPts val="600"/>
                </a:spcAft>
              </a:pPr>
              <a:t>2</a:t>
            </a:fld>
            <a:endParaRPr lang="en-CA" dirty="0"/>
          </a:p>
        </p:txBody>
      </p:sp>
      <p:pic>
        <p:nvPicPr>
          <p:cNvPr id="36" name="Picture 35">
            <a:extLst>
              <a:ext uri="{FF2B5EF4-FFF2-40B4-BE49-F238E27FC236}">
                <a16:creationId xmlns:a16="http://schemas.microsoft.com/office/drawing/2014/main" id="{2DD40127-02A5-BEDF-B84D-4DDE7CE7E8B0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b="4108"/>
          <a:stretch/>
        </p:blipFill>
        <p:spPr>
          <a:xfrm>
            <a:off x="7274406" y="3141291"/>
            <a:ext cx="4478262" cy="3661085"/>
          </a:xfrm>
          <a:prstGeom prst="rect">
            <a:avLst/>
          </a:prstGeom>
        </p:spPr>
      </p:pic>
      <p:sp>
        <p:nvSpPr>
          <p:cNvPr id="39" name="Oval 38">
            <a:extLst>
              <a:ext uri="{FF2B5EF4-FFF2-40B4-BE49-F238E27FC236}">
                <a16:creationId xmlns:a16="http://schemas.microsoft.com/office/drawing/2014/main" id="{D6F7C7FC-2936-2688-FC9A-C396F92D015F}"/>
              </a:ext>
            </a:extLst>
          </p:cNvPr>
          <p:cNvSpPr/>
          <p:nvPr/>
        </p:nvSpPr>
        <p:spPr>
          <a:xfrm>
            <a:off x="8018385" y="4954592"/>
            <a:ext cx="1863452" cy="1157104"/>
          </a:xfrm>
          <a:prstGeom prst="ellipse">
            <a:avLst/>
          </a:prstGeom>
          <a:noFill/>
          <a:ln w="25400">
            <a:solidFill>
              <a:schemeClr val="accent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992B6684-E5DE-9C4C-4165-B68A6864BA7C}"/>
              </a:ext>
            </a:extLst>
          </p:cNvPr>
          <p:cNvSpPr/>
          <p:nvPr/>
        </p:nvSpPr>
        <p:spPr>
          <a:xfrm>
            <a:off x="9791615" y="4038611"/>
            <a:ext cx="1863452" cy="1961672"/>
          </a:xfrm>
          <a:prstGeom prst="ellipse">
            <a:avLst/>
          </a:prstGeom>
          <a:noFill/>
          <a:ln w="25400">
            <a:solidFill>
              <a:srgbClr val="0070C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382A754F-ACB0-DB52-218E-0BD7C866101A}"/>
              </a:ext>
            </a:extLst>
          </p:cNvPr>
          <p:cNvCxnSpPr/>
          <p:nvPr/>
        </p:nvCxnSpPr>
        <p:spPr>
          <a:xfrm>
            <a:off x="8580755" y="3921792"/>
            <a:ext cx="246580" cy="0"/>
          </a:xfrm>
          <a:prstGeom prst="line">
            <a:avLst/>
          </a:prstGeom>
          <a:ln w="254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CE960AB5-35CF-4E30-54DD-EDB643E2C58E}"/>
              </a:ext>
            </a:extLst>
          </p:cNvPr>
          <p:cNvSpPr txBox="1"/>
          <p:nvPr/>
        </p:nvSpPr>
        <p:spPr>
          <a:xfrm>
            <a:off x="8811923" y="3737126"/>
            <a:ext cx="97969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wetland</a:t>
            </a:r>
          </a:p>
        </p:txBody>
      </p: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CC636711-10FB-386E-3164-756E28FC4EDD}"/>
              </a:ext>
            </a:extLst>
          </p:cNvPr>
          <p:cNvCxnSpPr/>
          <p:nvPr/>
        </p:nvCxnSpPr>
        <p:spPr>
          <a:xfrm>
            <a:off x="8581415" y="4277107"/>
            <a:ext cx="246580" cy="0"/>
          </a:xfrm>
          <a:prstGeom prst="line">
            <a:avLst/>
          </a:prstGeom>
          <a:ln w="25400">
            <a:solidFill>
              <a:srgbClr val="0070C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3067CB30-108F-7EBA-BF90-728356700D39}"/>
              </a:ext>
            </a:extLst>
          </p:cNvPr>
          <p:cNvSpPr txBox="1"/>
          <p:nvPr/>
        </p:nvSpPr>
        <p:spPr>
          <a:xfrm>
            <a:off x="8704705" y="4085686"/>
            <a:ext cx="7614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  scald</a:t>
            </a: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7605A4E4-36F5-49B7-0F50-6A067AB60BFE}"/>
              </a:ext>
            </a:extLst>
          </p:cNvPr>
          <p:cNvSpPr/>
          <p:nvPr/>
        </p:nvSpPr>
        <p:spPr>
          <a:xfrm>
            <a:off x="11010900" y="294093"/>
            <a:ext cx="1122768" cy="143497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AU"/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296A49F8-8EE4-A893-CA41-F2C2DA470082}"/>
              </a:ext>
            </a:extLst>
          </p:cNvPr>
          <p:cNvSpPr/>
          <p:nvPr/>
        </p:nvSpPr>
        <p:spPr>
          <a:xfrm>
            <a:off x="10671393" y="238349"/>
            <a:ext cx="1122768" cy="143497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AU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C7E64C9B-F6DF-3036-6D81-AE210A5E4F44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49790"/>
          <a:stretch/>
        </p:blipFill>
        <p:spPr bwMode="auto">
          <a:xfrm>
            <a:off x="6653061" y="437637"/>
            <a:ext cx="4451280" cy="2640616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2263041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3AB6C3-8B3F-2631-5BBD-3145821CF3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CA" dirty="0"/>
              <a:t>Hydro-ecological modelling </a:t>
            </a:r>
            <a:endParaRPr lang="en-AU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FAE1A1D-5DCF-8E55-494A-557EBD4584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88595" y="1554581"/>
            <a:ext cx="3927337" cy="186475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089A48F6-C260-F2A4-BC3D-47F693FD94B1}"/>
              </a:ext>
            </a:extLst>
          </p:cNvPr>
          <p:cNvSpPr txBox="1"/>
          <p:nvPr/>
        </p:nvSpPr>
        <p:spPr>
          <a:xfrm>
            <a:off x="336621" y="1574699"/>
            <a:ext cx="4840684" cy="80021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1. Regional groundwater model (MODFLOW)</a:t>
            </a:r>
          </a:p>
          <a:p>
            <a:r>
              <a:rPr lang="en-US" sz="1400" dirty="0"/>
              <a:t>      To understand potential changes to groundwater discharge </a:t>
            </a:r>
          </a:p>
          <a:p>
            <a:r>
              <a:rPr lang="en-US" sz="1400" dirty="0"/>
              <a:t>      at the springs</a:t>
            </a:r>
            <a:endParaRPr lang="en-AU" sz="140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24BCB36-E24E-B5B2-D4C0-C852FB76E0BF}"/>
              </a:ext>
            </a:extLst>
          </p:cNvPr>
          <p:cNvSpPr txBox="1"/>
          <p:nvPr/>
        </p:nvSpPr>
        <p:spPr>
          <a:xfrm>
            <a:off x="325356" y="2545868"/>
            <a:ext cx="425719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2. Wetland water balance model (</a:t>
            </a:r>
            <a:r>
              <a:rPr lang="en-US" dirty="0" err="1"/>
              <a:t>GoldSim</a:t>
            </a:r>
            <a:r>
              <a:rPr lang="en-US" dirty="0"/>
              <a:t>)</a:t>
            </a:r>
          </a:p>
          <a:p>
            <a:r>
              <a:rPr lang="en-US" dirty="0"/>
              <a:t>    </a:t>
            </a:r>
            <a:r>
              <a:rPr lang="en-US" sz="1400" dirty="0"/>
              <a:t>To describe wetland persistence, size and seasonality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54326BD-CB3E-B5E5-D1DE-AD7EC89CAA3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228277" y="1249062"/>
            <a:ext cx="2792575" cy="298777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B1D86499-7019-C760-2215-8A31742B73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41996" y="3897876"/>
            <a:ext cx="2973936" cy="2811086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BBEF5BDB-E4FC-2C1C-E290-9C5AE102CF16}"/>
              </a:ext>
            </a:extLst>
          </p:cNvPr>
          <p:cNvSpPr txBox="1"/>
          <p:nvPr/>
        </p:nvSpPr>
        <p:spPr>
          <a:xfrm>
            <a:off x="325356" y="3611390"/>
            <a:ext cx="5447260" cy="86177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3. Spatial representations of spring hydrology (TUFLOW)</a:t>
            </a:r>
          </a:p>
          <a:p>
            <a:r>
              <a:rPr lang="en-US" dirty="0"/>
              <a:t>    </a:t>
            </a:r>
            <a:r>
              <a:rPr lang="en-US" sz="1400" dirty="0"/>
              <a:t>To predict the area and shape of springs under changing hydrological </a:t>
            </a:r>
          </a:p>
          <a:p>
            <a:r>
              <a:rPr lang="en-US" sz="1400" dirty="0"/>
              <a:t>     scenarios, to be compared to historical wetland persistence data</a:t>
            </a: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8F824C36-9190-3F3B-58E8-3AB638A1813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228277" y="4575554"/>
            <a:ext cx="2792574" cy="1977537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42B9C798-168D-651A-E22A-2F613FA67B31}"/>
              </a:ext>
            </a:extLst>
          </p:cNvPr>
          <p:cNvSpPr txBox="1"/>
          <p:nvPr/>
        </p:nvSpPr>
        <p:spPr>
          <a:xfrm>
            <a:off x="325356" y="4837943"/>
            <a:ext cx="4698274" cy="80021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4. Species Distribution modelling (</a:t>
            </a:r>
            <a:r>
              <a:rPr lang="en-US" dirty="0" err="1"/>
              <a:t>MaxEnt</a:t>
            </a:r>
            <a:r>
              <a:rPr lang="en-US" dirty="0"/>
              <a:t>)</a:t>
            </a:r>
          </a:p>
          <a:p>
            <a:r>
              <a:rPr lang="en-AU" sz="1400" dirty="0"/>
              <a:t>     To predict potential effects on suitable habitat for key flora </a:t>
            </a:r>
          </a:p>
          <a:p>
            <a:r>
              <a:rPr lang="en-AU" sz="1400" dirty="0"/>
              <a:t>     species under a range of scenarios</a:t>
            </a:r>
            <a:endParaRPr lang="en-US" sz="14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AAE241E0-618C-9F5F-007B-15E4814020A8}"/>
              </a:ext>
            </a:extLst>
          </p:cNvPr>
          <p:cNvSpPr txBox="1"/>
          <p:nvPr/>
        </p:nvSpPr>
        <p:spPr>
          <a:xfrm>
            <a:off x="5438807" y="1693713"/>
            <a:ext cx="30168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1</a:t>
            </a:r>
            <a:endParaRPr lang="en-AU" dirty="0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2B816EE-FD40-B5EA-1549-C11BFD70E1E4}"/>
              </a:ext>
            </a:extLst>
          </p:cNvPr>
          <p:cNvSpPr txBox="1"/>
          <p:nvPr/>
        </p:nvSpPr>
        <p:spPr>
          <a:xfrm>
            <a:off x="11477657" y="1790142"/>
            <a:ext cx="30168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2</a:t>
            </a:r>
            <a:endParaRPr lang="en-AU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662D6295-6731-EAF8-E341-0E85B20B7B49}"/>
              </a:ext>
            </a:extLst>
          </p:cNvPr>
          <p:cNvSpPr txBox="1"/>
          <p:nvPr/>
        </p:nvSpPr>
        <p:spPr>
          <a:xfrm>
            <a:off x="7934357" y="4236838"/>
            <a:ext cx="30168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3</a:t>
            </a:r>
            <a:endParaRPr lang="en-AU" dirty="0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FDB20E36-5697-7BFC-CB23-F3CAB9341BEF}"/>
              </a:ext>
            </a:extLst>
          </p:cNvPr>
          <p:cNvSpPr txBox="1"/>
          <p:nvPr/>
        </p:nvSpPr>
        <p:spPr>
          <a:xfrm>
            <a:off x="11660490" y="4575554"/>
            <a:ext cx="30168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4</a:t>
            </a:r>
            <a:endParaRPr lang="en-AU" dirty="0"/>
          </a:p>
        </p:txBody>
      </p:sp>
    </p:spTree>
    <p:extLst>
      <p:ext uri="{BB962C8B-B14F-4D97-AF65-F5344CB8AC3E}">
        <p14:creationId xmlns:p14="http://schemas.microsoft.com/office/powerpoint/2010/main" val="277155747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FE6CFCE2-3CAE-375B-5B4B-556E2499CE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400" dirty="0">
                <a:solidFill>
                  <a:srgbClr val="8DC63F"/>
                </a:solidFill>
                <a:latin typeface="Franklin Gothic Medium Cond" panose="020B0606030402020204" pitchFamily="34" charset="0"/>
              </a:rPr>
              <a:t>Acknowledgements</a:t>
            </a:r>
            <a:endParaRPr lang="en-CA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86A333B-E90B-C5EC-E9DE-734B283ABC7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prstGeom prst="rect">
            <a:avLst/>
          </a:prstGeom>
        </p:spPr>
        <p:txBody>
          <a:bodyPr vert="horz" lIns="0" tIns="45720" rIns="0" bIns="45720" rtlCol="0" anchor="ctr"/>
          <a:lstStyle>
            <a:defPPr>
              <a:defRPr lang="en-US"/>
            </a:defPPr>
            <a:lvl1pPr marL="0" algn="ctr" defTabSz="914400" rtl="0" eaLnBrk="1" latinLnBrk="0" hangingPunct="1">
              <a:defRPr sz="12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F83F6E58-D5E2-4E27-A91B-EE9D102391C1}" type="slidenum">
              <a:rPr lang="en-CA" smtClean="0"/>
              <a:pPr algn="r"/>
              <a:t>4</a:t>
            </a:fld>
            <a:endParaRPr lang="en-CA"/>
          </a:p>
        </p:txBody>
      </p:sp>
      <p:pic>
        <p:nvPicPr>
          <p:cNvPr id="2" name="Picture 1" descr="Logo, company name&#10;&#10;Description automatically generated">
            <a:extLst>
              <a:ext uri="{FF2B5EF4-FFF2-40B4-BE49-F238E27FC236}">
                <a16:creationId xmlns:a16="http://schemas.microsoft.com/office/drawing/2014/main" id="{00AA52B2-F780-15FF-FAF2-63786630F4F7}"/>
              </a:ext>
            </a:extLst>
          </p:cNvPr>
          <p:cNvPicPr>
            <a:picLocks noChangeAspect="1"/>
          </p:cNvPicPr>
          <p:nvPr/>
        </p:nvPicPr>
        <p:blipFill>
          <a:blip r:embed="rId4">
            <a:biLevel thresh="2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31048" y="329184"/>
            <a:ext cx="1198905" cy="749030"/>
          </a:xfrm>
          <a:prstGeom prst="rect">
            <a:avLst/>
          </a:prstGeom>
        </p:spPr>
      </p:pic>
      <p:pic>
        <p:nvPicPr>
          <p:cNvPr id="1026" name="Picture 2" descr="EMM Consulting | Climate Active">
            <a:extLst>
              <a:ext uri="{FF2B5EF4-FFF2-40B4-BE49-F238E27FC236}">
                <a16:creationId xmlns:a16="http://schemas.microsoft.com/office/drawing/2014/main" id="{1A086198-F940-03AC-20FF-A32AFB84DF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76964" y="5030915"/>
            <a:ext cx="1942140" cy="7578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Griffith International | Brisbane QLD">
            <a:extLst>
              <a:ext uri="{FF2B5EF4-FFF2-40B4-BE49-F238E27FC236}">
                <a16:creationId xmlns:a16="http://schemas.microsoft.com/office/drawing/2014/main" id="{8EB2F2ED-45CB-C5F0-387F-DE8A8A237E4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64176" y="2195173"/>
            <a:ext cx="2143125" cy="21431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Image 1">
            <a:extLst>
              <a:ext uri="{FF2B5EF4-FFF2-40B4-BE49-F238E27FC236}">
                <a16:creationId xmlns:a16="http://schemas.microsoft.com/office/drawing/2014/main" id="{37B3D989-EFA8-1B28-261C-38853AE807AD}"/>
              </a:ext>
            </a:extLst>
          </p:cNvPr>
          <p:cNvPicPr>
            <a:picLocks/>
          </p:cNvPicPr>
          <p:nvPr/>
        </p:nvPicPr>
        <p:blipFill>
          <a:blip r:embed="rId7" cstate="print"/>
          <a:stretch>
            <a:fillRect/>
          </a:stretch>
        </p:blipFill>
        <p:spPr>
          <a:xfrm>
            <a:off x="1728937" y="4210260"/>
            <a:ext cx="3306883" cy="537517"/>
          </a:xfrm>
          <a:prstGeom prst="rect">
            <a:avLst/>
          </a:prstGeom>
        </p:spPr>
      </p:pic>
      <p:pic>
        <p:nvPicPr>
          <p:cNvPr id="1034" name="Picture 10" descr="Soil Testing Mackay | Rockhampton &amp; QLD | CQ Soil Testing">
            <a:extLst>
              <a:ext uri="{FF2B5EF4-FFF2-40B4-BE49-F238E27FC236}">
                <a16:creationId xmlns:a16="http://schemas.microsoft.com/office/drawing/2014/main" id="{0517BCE8-E47C-2E90-9064-1435C2A15FB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28937" y="1310724"/>
            <a:ext cx="3419475" cy="1524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6" name="Picture 12" descr="Biodiversity Assessment and Management Pty Ltd (BAAM) | LinkedIn">
            <a:extLst>
              <a:ext uri="{FF2B5EF4-FFF2-40B4-BE49-F238E27FC236}">
                <a16:creationId xmlns:a16="http://schemas.microsoft.com/office/drawing/2014/main" id="{F6ACAC50-9357-FC36-46B0-5086B64A1DC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3293" b="30307"/>
          <a:stretch/>
        </p:blipFill>
        <p:spPr bwMode="auto">
          <a:xfrm>
            <a:off x="4519327" y="2475819"/>
            <a:ext cx="1905000" cy="69341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901D9AF3-C018-6351-663E-D008596DF93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107027" y="4749647"/>
            <a:ext cx="1871006" cy="1135968"/>
          </a:xfrm>
          <a:prstGeom prst="rect">
            <a:avLst/>
          </a:prstGeom>
        </p:spPr>
      </p:pic>
      <p:pic>
        <p:nvPicPr>
          <p:cNvPr id="1040" name="Picture 16" descr="Job Listings - Environment Institute of Australia and New Zealand">
            <a:extLst>
              <a:ext uri="{FF2B5EF4-FFF2-40B4-BE49-F238E27FC236}">
                <a16:creationId xmlns:a16="http://schemas.microsoft.com/office/drawing/2014/main" id="{0F359641-FDEC-8D12-987A-A0289ECD5A1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8267" r="8936" b="11060"/>
          <a:stretch/>
        </p:blipFill>
        <p:spPr bwMode="auto">
          <a:xfrm>
            <a:off x="175302" y="2244106"/>
            <a:ext cx="2201662" cy="127838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4" name="Picture 20" descr="Tetra Tech Coffey | LinkedIn">
            <a:extLst>
              <a:ext uri="{FF2B5EF4-FFF2-40B4-BE49-F238E27FC236}">
                <a16:creationId xmlns:a16="http://schemas.microsoft.com/office/drawing/2014/main" id="{33B41C78-709C-1E12-C0B7-4E8A49ADE71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35820" y="4486236"/>
            <a:ext cx="1523079" cy="152307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6" name="Picture Placeholder 25" descr="A person standing in a field&#10;&#10;Description automatically generated">
            <a:extLst>
              <a:ext uri="{FF2B5EF4-FFF2-40B4-BE49-F238E27FC236}">
                <a16:creationId xmlns:a16="http://schemas.microsoft.com/office/drawing/2014/main" id="{D1FCE8EC-20A5-643E-6113-23CB6240BAC5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19" r="3219"/>
          <a:stretch>
            <a:fillRect/>
          </a:stretch>
        </p:blipFill>
        <p:spPr>
          <a:xfrm rot="5400000">
            <a:off x="5999744" y="676856"/>
            <a:ext cx="6879356" cy="5501893"/>
          </a:xfr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454C4409-EDA2-AF7C-6401-5323ED70C956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2636268" y="5904207"/>
            <a:ext cx="1682836" cy="901746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419876BB-D339-F5BF-07E7-FD8FD592E3B5}"/>
              </a:ext>
            </a:extLst>
          </p:cNvPr>
          <p:cNvSpPr/>
          <p:nvPr/>
        </p:nvSpPr>
        <p:spPr>
          <a:xfrm>
            <a:off x="10328478" y="53004"/>
            <a:ext cx="1714565" cy="2890222"/>
          </a:xfrm>
          <a:prstGeom prst="rect">
            <a:avLst/>
          </a:prstGeom>
          <a:solidFill>
            <a:schemeClr val="accent1"/>
          </a:solidFill>
          <a:ln w="31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AU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388832F2-6CCB-58B5-87DC-95D6DD0CCEC9}"/>
              </a:ext>
            </a:extLst>
          </p:cNvPr>
          <p:cNvPicPr>
            <a:picLocks noChangeAspect="1"/>
          </p:cNvPicPr>
          <p:nvPr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10447469" y="1130445"/>
            <a:ext cx="1495634" cy="174797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5DAE0DEA-244A-4847-36C5-D588DEDF394F}"/>
              </a:ext>
            </a:extLst>
          </p:cNvPr>
          <p:cNvSpPr txBox="1"/>
          <p:nvPr/>
        </p:nvSpPr>
        <p:spPr>
          <a:xfrm>
            <a:off x="10328478" y="50523"/>
            <a:ext cx="1714566" cy="10926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300" dirty="0">
                <a:solidFill>
                  <a:schemeClr val="bg1"/>
                </a:solidFill>
              </a:rPr>
              <a:t>Cresswell et al: #15005</a:t>
            </a:r>
          </a:p>
          <a:p>
            <a:pPr algn="ctr"/>
            <a:r>
              <a:rPr lang="en-US" sz="1300" dirty="0">
                <a:solidFill>
                  <a:schemeClr val="bg1"/>
                </a:solidFill>
              </a:rPr>
              <a:t>HS8.2.14</a:t>
            </a:r>
          </a:p>
          <a:p>
            <a:pPr algn="ctr"/>
            <a:r>
              <a:rPr lang="en-US" sz="1300" dirty="0">
                <a:solidFill>
                  <a:schemeClr val="bg1"/>
                </a:solidFill>
              </a:rPr>
              <a:t>17:00–17:10</a:t>
            </a:r>
          </a:p>
          <a:p>
            <a:pPr algn="ctr"/>
            <a:r>
              <a:rPr lang="en-US" sz="1300" dirty="0">
                <a:solidFill>
                  <a:schemeClr val="bg1"/>
                </a:solidFill>
              </a:rPr>
              <a:t>Room 2.31 </a:t>
            </a:r>
            <a:endParaRPr lang="en-AU" sz="13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36550116"/>
      </p:ext>
    </p:extLst>
  </p:cSld>
  <p:clrMapOvr>
    <a:masterClrMapping/>
  </p:clrMapOvr>
</p:sld>
</file>

<file path=ppt/theme/theme1.xml><?xml version="1.0" encoding="utf-8"?>
<a:theme xmlns:a="http://schemas.openxmlformats.org/drawingml/2006/main" name="ELA">
  <a:themeElements>
    <a:clrScheme name="ELA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007A33"/>
      </a:accent1>
      <a:accent2>
        <a:srgbClr val="9FC54D"/>
      </a:accent2>
      <a:accent3>
        <a:srgbClr val="53565A"/>
      </a:accent3>
      <a:accent4>
        <a:srgbClr val="808183"/>
      </a:accent4>
      <a:accent5>
        <a:srgbClr val="DEEAC2"/>
      </a:accent5>
      <a:accent6>
        <a:srgbClr val="BBBCBF"/>
      </a:accent6>
      <a:hlink>
        <a:srgbClr val="0563C1"/>
      </a:hlink>
      <a:folHlink>
        <a:srgbClr val="954F72"/>
      </a:folHlink>
    </a:clrScheme>
    <a:fontScheme name="ELA">
      <a:majorFont>
        <a:latin typeface="Franklin Gothic Medium Cond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ELA Dark Green">
      <a:srgbClr val="007A33"/>
    </a:custClr>
    <a:custClr name="ELA Dark Grey">
      <a:srgbClr val="53565A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ELA Light Green">
      <a:srgbClr val="9FC54D"/>
    </a:custClr>
    <a:custClr name="ELA Light Grey">
      <a:srgbClr val="808183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ELA Light Green 30%">
      <a:srgbClr val="DEEAC2"/>
    </a:custClr>
    <a:custClr name="ELA Very Light Grey">
      <a:srgbClr val="BBBCBF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  <a:custClr name="BLANK">
      <a:srgbClr val="F0F0F0"/>
    </a:custClr>
  </a:custClrLst>
  <a:extLst>
    <a:ext uri="{05A4C25C-085E-4340-85A3-A5531E510DB2}">
      <thm15:themeFamily xmlns:thm15="http://schemas.microsoft.com/office/thememl/2012/main" name="ELA" id="{6D338E35-8A76-45BC-8A08-9458C1B83F41}" vid="{E6CE017A-7530-49CD-93F9-116EA116319E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3,"isValidatorEnabled":false,"isLocked":false,"elementsMetadata":[],"slideId":"855633653260615680","enableDocumentContentUpdater":false,"version":"2.0"}]]></TemplafySlideTemplateConfiguration>
</file>

<file path=customXml/item3.xml><?xml version="1.0" encoding="utf-8"?>
<TemplafyTemplateConfiguration><![CDATA[{"elementsMetadata":[],"transformationConfigurations":[],"templateName":"ELA Base Template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TemplateConfiguration><![CDATA[{"slideVersion":1,"isValidatorEnabled":false,"isLocked":false,"elementsMetadata":[],"slideId":"856267762131795976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856267762131795990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83FC7B44-0E7F-4329-92FC-61E6BFA78250}">
  <ds:schemaRefs/>
</ds:datastoreItem>
</file>

<file path=customXml/itemProps2.xml><?xml version="1.0" encoding="utf-8"?>
<ds:datastoreItem xmlns:ds="http://schemas.openxmlformats.org/officeDocument/2006/customXml" ds:itemID="{EB01C2C6-9F94-43C8-B868-6B5773DD3BAB}">
  <ds:schemaRefs/>
</ds:datastoreItem>
</file>

<file path=customXml/itemProps3.xml><?xml version="1.0" encoding="utf-8"?>
<ds:datastoreItem xmlns:ds="http://schemas.openxmlformats.org/officeDocument/2006/customXml" ds:itemID="{548D6DDB-B2D5-4344-A135-4957F8C34D24}">
  <ds:schemaRefs/>
</ds:datastoreItem>
</file>

<file path=customXml/itemProps4.xml><?xml version="1.0" encoding="utf-8"?>
<ds:datastoreItem xmlns:ds="http://schemas.openxmlformats.org/officeDocument/2006/customXml" ds:itemID="{B325178A-1711-412B-B18E-1B9CA4CAF1AE}">
  <ds:schemaRefs/>
</ds:datastoreItem>
</file>

<file path=customXml/itemProps5.xml><?xml version="1.0" encoding="utf-8"?>
<ds:datastoreItem xmlns:ds="http://schemas.openxmlformats.org/officeDocument/2006/customXml" ds:itemID="{22F8AB18-769F-4A16-B7B9-D309F47DA1C5}">
  <ds:schemaRefs/>
</ds:datastoreItem>
</file>

<file path=customXml/itemProps6.xml><?xml version="1.0" encoding="utf-8"?>
<ds:datastoreItem xmlns:ds="http://schemas.openxmlformats.org/officeDocument/2006/customXml" ds:itemID="{B5AE2E41-9B1C-43CA-9BD1-952F3B3A8AB8}">
  <ds:schemaRefs/>
</ds:datastoreItem>
</file>

<file path=customXml/itemProps7.xml><?xml version="1.0" encoding="utf-8"?>
<ds:datastoreItem xmlns:ds="http://schemas.openxmlformats.org/officeDocument/2006/customXml" ds:itemID="{30F34F54-D4D2-4CC9-8AC5-0610476F47C6}">
  <ds:schemaRefs/>
</ds:datastoreItem>
</file>

<file path=customXml/itemProps8.xml><?xml version="1.0" encoding="utf-8"?>
<ds:datastoreItem xmlns:ds="http://schemas.openxmlformats.org/officeDocument/2006/customXml" ds:itemID="{2E252D56-ED73-435E-A892-2E5952CDF1D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LA</Template>
  <TotalTime>7418</TotalTime>
  <Words>206</Words>
  <Application>Microsoft Office PowerPoint</Application>
  <PresentationFormat>Widescreen</PresentationFormat>
  <Paragraphs>41</Paragraphs>
  <Slides>4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9" baseType="lpstr">
      <vt:lpstr>Arial</vt:lpstr>
      <vt:lpstr>Calibri</vt:lpstr>
      <vt:lpstr>Calibri Light</vt:lpstr>
      <vt:lpstr>Franklin Gothic Medium Cond</vt:lpstr>
      <vt:lpstr>ELA</vt:lpstr>
      <vt:lpstr>Using a novel chain of models to mimic source aquifer depressurisation  impacts across the Doongmabulla Springs Complex , Queensland, Australia</vt:lpstr>
      <vt:lpstr>Hydro-ecological conceptualisation</vt:lpstr>
      <vt:lpstr>Hydro-ecological modelling </vt:lpstr>
      <vt:lpstr>Acknowledgements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am, Trisha</dc:creator>
  <cp:lastModifiedBy>Gibson, Anne</cp:lastModifiedBy>
  <cp:revision>17</cp:revision>
  <dcterms:created xsi:type="dcterms:W3CDTF">2025-09-15T01:30:09Z</dcterms:created>
  <dcterms:modified xsi:type="dcterms:W3CDTF">2026-05-04T09:27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8-19T04:38:53</vt:lpwstr>
  </property>
  <property fmtid="{D5CDD505-2E9C-101B-9397-08002B2CF9AE}" pid="3" name="TemplafyTenantId">
    <vt:lpwstr>tetratechasp</vt:lpwstr>
  </property>
  <property fmtid="{D5CDD505-2E9C-101B-9397-08002B2CF9AE}" pid="4" name="TemplafyTemplateId">
    <vt:lpwstr>855633635294314740</vt:lpwstr>
  </property>
  <property fmtid="{D5CDD505-2E9C-101B-9397-08002B2CF9AE}" pid="5" name="TemplafyUserProfileId">
    <vt:lpwstr>1070883549208903904</vt:lpwstr>
  </property>
  <property fmtid="{D5CDD505-2E9C-101B-9397-08002B2CF9AE}" pid="6" name="TemplafyFromBlank">
    <vt:bool>false</vt:bool>
  </property>
</Properties>
</file>